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1_03人口・労働統計課\01人口\02_人口統計\02_年報\R3年報\06_ホームページ用\"/>
    </mc:Choice>
  </mc:AlternateContent>
  <bookViews>
    <workbookView xWindow="0" yWindow="0" windowWidth="28800" windowHeight="12885"/>
  </bookViews>
  <sheets>
    <sheet name="第５表" sheetId="1" r:id="rId1"/>
  </sheets>
  <externalReferences>
    <externalReference r:id="rId2"/>
  </externalReferences>
  <definedNames>
    <definedName name="_Key1" localSheetId="0" hidden="1">#REF!</definedName>
    <definedName name="_Key1" hidden="1">#REF!</definedName>
    <definedName name="_Order1" hidden="1">255</definedName>
    <definedName name="_Sort" localSheetId="0" hidden="1">#REF!</definedName>
    <definedName name="_Sort" hidden="1">#REF!</definedName>
    <definedName name="_xlnm.Print_Area" localSheetId="0">第５表!$A$1:$R$82</definedName>
    <definedName name="月報">"グラフ 1"</definedName>
    <definedName name="市名">[1]様式1!$X$6:$X$9</definedName>
    <definedName name="第１表2011年10月分">#REF!</definedName>
    <definedName name="第１表2011年11月分">#REF!</definedName>
    <definedName name="第１表2011年１月分">#REF!</definedName>
    <definedName name="第１表2011年２月分">#REF!</definedName>
    <definedName name="第１表2011年３月分">#REF!</definedName>
    <definedName name="第１表2011年４月分">#REF!</definedName>
    <definedName name="第１表2011年５月分">#REF!</definedName>
    <definedName name="第１表2011年６月分">#REF!</definedName>
    <definedName name="第１表2011年７月分">#REF!</definedName>
    <definedName name="第１表2011年８月分">#REF!</definedName>
    <definedName name="第１表2011年９月分">#REF!</definedName>
    <definedName name="第５表の１2011年10月分">#REF!</definedName>
    <definedName name="第５表の１2011年11月分">#REF!</definedName>
    <definedName name="第５表の１2011年12月分">#REF!</definedName>
    <definedName name="第５表の１2011年１月分">#REF!</definedName>
    <definedName name="第５表の１2011年２月分">#REF!</definedName>
    <definedName name="第５表の１2011年３月分">#REF!</definedName>
    <definedName name="第５表の１2011年４月分">#REF!</definedName>
    <definedName name="第５表の１2011年５月分">#REF!</definedName>
    <definedName name="第５表の１2011年６月分">#REF!</definedName>
    <definedName name="第５表の１2011年７月分">#REF!</definedName>
    <definedName name="第５表の１2011年８月分">#REF!</definedName>
    <definedName name="第５表の１2011年９月分">#REF!</definedName>
    <definedName name="第５表の２2011年10月分">#REF!</definedName>
    <definedName name="第５表の２2011年11月分">#REF!</definedName>
    <definedName name="第５表の２2011年12月分">#REF!</definedName>
    <definedName name="第５表の２2011年１月分">#REF!</definedName>
    <definedName name="第５表の２2011年２月分">#REF!</definedName>
    <definedName name="第５表の２2011年３月分">#REF!</definedName>
    <definedName name="第５表の２2011年４月分">#REF!</definedName>
    <definedName name="第５表の２2011年５月分">#REF!</definedName>
    <definedName name="第５表の２2011年６月分">#REF!</definedName>
    <definedName name="第５表の２2011年７月分">#REF!</definedName>
    <definedName name="第５表の２2011年８月分">#REF!</definedName>
    <definedName name="第５表の２2011年９月分">#REF!</definedName>
    <definedName name="平成23年１月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3" uniqueCount="36">
  <si>
    <t>年次別月別人口</t>
    <rPh sb="0" eb="3">
      <t>ネンジベツ</t>
    </rPh>
    <rPh sb="3" eb="5">
      <t>ツキベツ</t>
    </rPh>
    <rPh sb="5" eb="7">
      <t>ジンコウ</t>
    </rPh>
    <phoneticPr fontId="2"/>
  </si>
  <si>
    <t>第５表</t>
    <rPh sb="0" eb="1">
      <t>ダイ</t>
    </rPh>
    <rPh sb="2" eb="3">
      <t>ヒョウ</t>
    </rPh>
    <phoneticPr fontId="2"/>
  </si>
  <si>
    <t>(単位：人)</t>
    <rPh sb="1" eb="3">
      <t>タンイ</t>
    </rPh>
    <rPh sb="4" eb="5">
      <t>ニン</t>
    </rPh>
    <phoneticPr fontId="2"/>
  </si>
  <si>
    <t>年月</t>
    <rPh sb="0" eb="2">
      <t>ネンゲツ</t>
    </rPh>
    <phoneticPr fontId="2"/>
  </si>
  <si>
    <t>１月</t>
    <rPh sb="1" eb="2">
      <t>ツキ</t>
    </rPh>
    <phoneticPr fontId="2"/>
  </si>
  <si>
    <t>２月</t>
  </si>
  <si>
    <t>３月</t>
  </si>
  <si>
    <t>４月</t>
  </si>
  <si>
    <t>５月</t>
  </si>
  <si>
    <t>６月</t>
  </si>
  <si>
    <t>７月</t>
  </si>
  <si>
    <t>８月</t>
  </si>
  <si>
    <t>９月</t>
  </si>
  <si>
    <t>１０月</t>
  </si>
  <si>
    <t>１１月</t>
  </si>
  <si>
    <t>１２月</t>
  </si>
  <si>
    <t>令和3年</t>
  </si>
  <si>
    <t>2(2020)</t>
  </si>
  <si>
    <t>平成31・元</t>
  </si>
  <si>
    <t>27(2015)</t>
  </si>
  <si>
    <t>22(2010)</t>
  </si>
  <si>
    <t>17(2005)</t>
  </si>
  <si>
    <t>12(2000)</t>
  </si>
  <si>
    <t>7(1995)</t>
  </si>
  <si>
    <t>2(1990)</t>
  </si>
  <si>
    <t>元</t>
  </si>
  <si>
    <t>昭和63年</t>
  </si>
  <si>
    <t>60(1985)</t>
  </si>
  <si>
    <t>55(1980)</t>
  </si>
  <si>
    <t>50(1975)</t>
  </si>
  <si>
    <t>45(1970)</t>
  </si>
  <si>
    <t>40(1965)</t>
  </si>
  <si>
    <t>35(1960)</t>
    <phoneticPr fontId="2"/>
  </si>
  <si>
    <t>35(1960)</t>
    <phoneticPr fontId="2"/>
  </si>
  <si>
    <t>33(1958)</t>
    <phoneticPr fontId="2"/>
  </si>
  <si>
    <t>33(1958)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 "/>
  </numFmts>
  <fonts count="11">
    <font>
      <sz val="12"/>
      <color theme="1"/>
      <name val="ＭＳ 明朝"/>
      <family val="2"/>
      <charset val="128"/>
    </font>
    <font>
      <sz val="8"/>
      <color theme="1"/>
      <name val="HGPｺﾞｼｯｸM"/>
      <family val="3"/>
      <charset val="128"/>
    </font>
    <font>
      <sz val="6"/>
      <name val="ＭＳ 明朝"/>
      <family val="2"/>
      <charset val="128"/>
    </font>
    <font>
      <sz val="12"/>
      <color theme="1"/>
      <name val="HGPｺﾞｼｯｸM"/>
      <family val="3"/>
      <charset val="128"/>
    </font>
    <font>
      <sz val="8"/>
      <color theme="0"/>
      <name val="HGPｺﾞｼｯｸM"/>
      <family val="3"/>
      <charset val="128"/>
    </font>
    <font>
      <b/>
      <sz val="8"/>
      <color theme="0"/>
      <name val="HGPｺﾞｼｯｸM"/>
      <family val="3"/>
      <charset val="128"/>
    </font>
    <font>
      <b/>
      <sz val="8"/>
      <color theme="1"/>
      <name val="HGPｺﾞｼｯｸM"/>
      <family val="3"/>
      <charset val="128"/>
    </font>
    <font>
      <b/>
      <sz val="8"/>
      <name val="HGPｺﾞｼｯｸM"/>
      <family val="3"/>
      <charset val="128"/>
    </font>
    <font>
      <sz val="8"/>
      <name val="HGPｺﾞｼｯｸM"/>
      <family val="3"/>
      <charset val="128"/>
    </font>
    <font>
      <sz val="12"/>
      <name val="ＭＳ 明朝"/>
      <family val="2"/>
      <charset val="128"/>
    </font>
    <font>
      <sz val="9"/>
      <color theme="1"/>
      <name val="HGPｺﾞｼｯｸM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5" tint="-0.499984740745262"/>
        <bgColor indexed="64"/>
      </patternFill>
    </fill>
    <fill>
      <patternFill patternType="solid">
        <fgColor theme="5" tint="0.59999389629810485"/>
        <bgColor indexed="64"/>
      </patternFill>
    </fill>
  </fills>
  <borders count="16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69">
    <xf numFmtId="0" fontId="0" fillId="0" borderId="0" xfId="0">
      <alignment vertical="center"/>
    </xf>
    <xf numFmtId="0" fontId="1" fillId="0" borderId="0" xfId="0" applyFont="1">
      <alignment vertical="center"/>
    </xf>
    <xf numFmtId="0" fontId="3" fillId="0" borderId="0" xfId="0" applyFont="1" applyAlignment="1">
      <alignment horizontal="left" vertical="center"/>
    </xf>
    <xf numFmtId="0" fontId="1" fillId="0" borderId="0" xfId="0" applyFont="1" applyBorder="1">
      <alignment vertical="center"/>
    </xf>
    <xf numFmtId="0" fontId="3" fillId="0" borderId="0" xfId="0" applyFont="1" applyBorder="1" applyAlignment="1">
      <alignment horizontal="left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7" xfId="0" applyFont="1" applyBorder="1">
      <alignment vertical="center"/>
    </xf>
    <xf numFmtId="0" fontId="1" fillId="0" borderId="8" xfId="0" applyFont="1" applyBorder="1" applyAlignment="1">
      <alignment horizontal="right" vertical="center"/>
    </xf>
    <xf numFmtId="0" fontId="1" fillId="0" borderId="9" xfId="0" applyFont="1" applyBorder="1" applyAlignment="1">
      <alignment horizontal="right" vertical="center"/>
    </xf>
    <xf numFmtId="0" fontId="1" fillId="0" borderId="9" xfId="0" applyFont="1" applyBorder="1">
      <alignment vertical="center"/>
    </xf>
    <xf numFmtId="0" fontId="1" fillId="0" borderId="10" xfId="0" applyFont="1" applyBorder="1">
      <alignment vertical="center"/>
    </xf>
    <xf numFmtId="0" fontId="4" fillId="2" borderId="7" xfId="0" applyFont="1" applyFill="1" applyBorder="1" applyAlignment="1">
      <alignment horizontal="distributed" vertical="center"/>
    </xf>
    <xf numFmtId="0" fontId="4" fillId="2" borderId="0" xfId="0" applyFont="1" applyFill="1" applyBorder="1" applyAlignment="1">
      <alignment horizontal="distributed" vertical="center"/>
    </xf>
    <xf numFmtId="0" fontId="4" fillId="2" borderId="0" xfId="0" applyFont="1" applyFill="1" applyBorder="1">
      <alignment vertical="center"/>
    </xf>
    <xf numFmtId="176" fontId="4" fillId="2" borderId="8" xfId="0" applyNumberFormat="1" applyFont="1" applyFill="1" applyBorder="1" applyAlignment="1">
      <alignment horizontal="right" vertical="center"/>
    </xf>
    <xf numFmtId="176" fontId="4" fillId="2" borderId="9" xfId="0" applyNumberFormat="1" applyFont="1" applyFill="1" applyBorder="1" applyAlignment="1">
      <alignment horizontal="right" vertical="center"/>
    </xf>
    <xf numFmtId="0" fontId="5" fillId="2" borderId="9" xfId="0" applyFont="1" applyFill="1" applyBorder="1" applyAlignment="1">
      <alignment horizontal="distributed" vertical="center"/>
    </xf>
    <xf numFmtId="0" fontId="4" fillId="2" borderId="10" xfId="0" applyFont="1" applyFill="1" applyBorder="1">
      <alignment vertical="center"/>
    </xf>
    <xf numFmtId="0" fontId="6" fillId="0" borderId="7" xfId="0" applyFont="1" applyFill="1" applyBorder="1" applyAlignment="1">
      <alignment horizontal="distributed" vertical="center"/>
    </xf>
    <xf numFmtId="0" fontId="1" fillId="0" borderId="0" xfId="0" applyFont="1" applyFill="1" applyBorder="1" applyAlignment="1">
      <alignment horizontal="distributed" vertical="center"/>
    </xf>
    <xf numFmtId="0" fontId="1" fillId="0" borderId="0" xfId="0" applyFont="1" applyFill="1" applyBorder="1">
      <alignment vertical="center"/>
    </xf>
    <xf numFmtId="176" fontId="1" fillId="0" borderId="8" xfId="0" applyNumberFormat="1" applyFont="1" applyFill="1" applyBorder="1" applyAlignment="1">
      <alignment horizontal="right" vertical="center"/>
    </xf>
    <xf numFmtId="176" fontId="1" fillId="0" borderId="9" xfId="0" applyNumberFormat="1" applyFont="1" applyFill="1" applyBorder="1" applyAlignment="1">
      <alignment horizontal="right" vertical="center"/>
    </xf>
    <xf numFmtId="0" fontId="6" fillId="0" borderId="9" xfId="0" applyFont="1" applyFill="1" applyBorder="1" applyAlignment="1">
      <alignment horizontal="distributed" vertical="center"/>
    </xf>
    <xf numFmtId="0" fontId="1" fillId="0" borderId="10" xfId="0" applyFont="1" applyFill="1" applyBorder="1">
      <alignment vertical="center"/>
    </xf>
    <xf numFmtId="0" fontId="0" fillId="0" borderId="0" xfId="0" applyFill="1">
      <alignment vertical="center"/>
    </xf>
    <xf numFmtId="0" fontId="1" fillId="0" borderId="0" xfId="0" applyFont="1" applyFill="1">
      <alignment vertical="center"/>
    </xf>
    <xf numFmtId="0" fontId="6" fillId="3" borderId="7" xfId="0" applyFont="1" applyFill="1" applyBorder="1" applyAlignment="1">
      <alignment horizontal="distributed" vertical="center"/>
    </xf>
    <xf numFmtId="0" fontId="1" fillId="3" borderId="0" xfId="0" applyFont="1" applyFill="1" applyBorder="1" applyAlignment="1">
      <alignment horizontal="distributed" vertical="center"/>
    </xf>
    <xf numFmtId="0" fontId="1" fillId="3" borderId="0" xfId="0" applyFont="1" applyFill="1" applyBorder="1">
      <alignment vertical="center"/>
    </xf>
    <xf numFmtId="176" fontId="1" fillId="3" borderId="8" xfId="0" applyNumberFormat="1" applyFont="1" applyFill="1" applyBorder="1" applyAlignment="1">
      <alignment horizontal="right" vertical="center"/>
    </xf>
    <xf numFmtId="176" fontId="1" fillId="3" borderId="9" xfId="0" applyNumberFormat="1" applyFont="1" applyFill="1" applyBorder="1" applyAlignment="1">
      <alignment horizontal="right" vertical="center"/>
    </xf>
    <xf numFmtId="0" fontId="6" fillId="3" borderId="9" xfId="0" applyFont="1" applyFill="1" applyBorder="1" applyAlignment="1">
      <alignment horizontal="distributed" vertical="center"/>
    </xf>
    <xf numFmtId="0" fontId="1" fillId="3" borderId="10" xfId="0" applyFont="1" applyFill="1" applyBorder="1">
      <alignment vertical="center"/>
    </xf>
    <xf numFmtId="0" fontId="7" fillId="0" borderId="7" xfId="0" applyFont="1" applyFill="1" applyBorder="1" applyAlignment="1">
      <alignment horizontal="distributed" vertical="center"/>
    </xf>
    <xf numFmtId="0" fontId="8" fillId="0" borderId="0" xfId="0" applyFont="1" applyFill="1" applyBorder="1" applyAlignment="1">
      <alignment horizontal="distributed" vertical="center"/>
    </xf>
    <xf numFmtId="0" fontId="8" fillId="0" borderId="0" xfId="0" applyFont="1" applyFill="1" applyBorder="1">
      <alignment vertical="center"/>
    </xf>
    <xf numFmtId="176" fontId="8" fillId="0" borderId="8" xfId="0" applyNumberFormat="1" applyFont="1" applyFill="1" applyBorder="1" applyAlignment="1">
      <alignment horizontal="right" vertical="center"/>
    </xf>
    <xf numFmtId="176" fontId="8" fillId="0" borderId="9" xfId="0" applyNumberFormat="1" applyFont="1" applyFill="1" applyBorder="1" applyAlignment="1">
      <alignment horizontal="right" vertical="center"/>
    </xf>
    <xf numFmtId="0" fontId="7" fillId="0" borderId="9" xfId="0" applyFont="1" applyFill="1" applyBorder="1" applyAlignment="1">
      <alignment horizontal="distributed" vertical="center"/>
    </xf>
    <xf numFmtId="0" fontId="8" fillId="0" borderId="10" xfId="0" applyFont="1" applyFill="1" applyBorder="1">
      <alignment vertical="center"/>
    </xf>
    <xf numFmtId="0" fontId="9" fillId="0" borderId="0" xfId="0" applyFont="1" applyFill="1">
      <alignment vertical="center"/>
    </xf>
    <xf numFmtId="0" fontId="8" fillId="0" borderId="0" xfId="0" applyFont="1" applyFill="1">
      <alignment vertical="center"/>
    </xf>
    <xf numFmtId="0" fontId="1" fillId="0" borderId="12" xfId="0" applyFont="1" applyBorder="1" applyAlignment="1">
      <alignment horizontal="distributed" vertical="center"/>
    </xf>
    <xf numFmtId="0" fontId="1" fillId="0" borderId="1" xfId="0" applyFont="1" applyBorder="1" applyAlignment="1">
      <alignment horizontal="distributed" vertical="center"/>
    </xf>
    <xf numFmtId="0" fontId="1" fillId="0" borderId="1" xfId="0" applyFont="1" applyBorder="1">
      <alignment vertical="center"/>
    </xf>
    <xf numFmtId="176" fontId="1" fillId="0" borderId="13" xfId="0" applyNumberFormat="1" applyFont="1" applyBorder="1">
      <alignment vertical="center"/>
    </xf>
    <xf numFmtId="176" fontId="1" fillId="0" borderId="14" xfId="0" applyNumberFormat="1" applyFont="1" applyBorder="1">
      <alignment vertical="center"/>
    </xf>
    <xf numFmtId="0" fontId="1" fillId="0" borderId="14" xfId="0" applyFont="1" applyBorder="1" applyAlignment="1">
      <alignment horizontal="distributed" vertical="center"/>
    </xf>
    <xf numFmtId="0" fontId="1" fillId="0" borderId="15" xfId="0" applyFont="1" applyBorder="1">
      <alignment vertical="center"/>
    </xf>
    <xf numFmtId="0" fontId="1" fillId="3" borderId="7" xfId="0" applyFont="1" applyFill="1" applyBorder="1" applyAlignment="1">
      <alignment horizontal="distributed" vertical="center"/>
    </xf>
    <xf numFmtId="0" fontId="1" fillId="3" borderId="9" xfId="0" applyFont="1" applyFill="1" applyBorder="1" applyAlignment="1">
      <alignment horizontal="distributed" vertical="center"/>
    </xf>
    <xf numFmtId="0" fontId="0" fillId="3" borderId="0" xfId="0" applyFill="1">
      <alignment vertical="center"/>
    </xf>
    <xf numFmtId="0" fontId="1" fillId="0" borderId="7" xfId="0" applyFont="1" applyFill="1" applyBorder="1" applyAlignment="1">
      <alignment horizontal="distributed" vertical="center"/>
    </xf>
    <xf numFmtId="0" fontId="1" fillId="0" borderId="9" xfId="0" applyFont="1" applyFill="1" applyBorder="1" applyAlignment="1">
      <alignment horizontal="distributed" vertical="center"/>
    </xf>
    <xf numFmtId="0" fontId="1" fillId="0" borderId="11" xfId="0" applyFont="1" applyFill="1" applyBorder="1" applyAlignment="1">
      <alignment horizontal="distributed" vertical="center"/>
    </xf>
    <xf numFmtId="0" fontId="1" fillId="0" borderId="10" xfId="0" applyFont="1" applyFill="1" applyBorder="1" applyAlignment="1">
      <alignment horizontal="distributed" vertical="center"/>
    </xf>
    <xf numFmtId="0" fontId="1" fillId="3" borderId="0" xfId="0" applyFont="1" applyFill="1">
      <alignment vertical="center"/>
    </xf>
    <xf numFmtId="0" fontId="1" fillId="3" borderId="11" xfId="0" applyFont="1" applyFill="1" applyBorder="1" applyAlignment="1">
      <alignment horizontal="distributed" vertical="center"/>
    </xf>
    <xf numFmtId="0" fontId="1" fillId="3" borderId="10" xfId="0" applyFont="1" applyFill="1" applyBorder="1" applyAlignment="1">
      <alignment horizontal="distributed" vertical="center"/>
    </xf>
    <xf numFmtId="0" fontId="3" fillId="0" borderId="0" xfId="0" applyFont="1" applyAlignment="1">
      <alignment horizontal="left" vertical="center"/>
    </xf>
    <xf numFmtId="0" fontId="1" fillId="0" borderId="0" xfId="0" applyFont="1">
      <alignment vertical="center"/>
    </xf>
    <xf numFmtId="0" fontId="1" fillId="0" borderId="0" xfId="0" applyFont="1" applyAlignment="1">
      <alignment horizontal="right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0" fillId="0" borderId="1" xfId="0" applyFont="1" applyBorder="1" applyAlignment="1">
      <alignment horizontal="right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64501034/Desktop/&#20154;&#21475;&#38598;&#35336;&#12471;&#12473;&#12486;&#12512;(&#20462;&#27491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鶴見区"/>
      <sheetName val="神奈川区"/>
      <sheetName val="西区"/>
      <sheetName val="中区"/>
      <sheetName val="南区"/>
      <sheetName val="港南区"/>
      <sheetName val="保土ケ谷区"/>
      <sheetName val="旭区"/>
      <sheetName val="磯子区"/>
      <sheetName val="金沢区"/>
      <sheetName val="港北区"/>
      <sheetName val="緑区"/>
      <sheetName val="青葉区"/>
      <sheetName val="都筑区"/>
      <sheetName val="戸塚区"/>
      <sheetName val="栄区"/>
      <sheetName val="泉区"/>
      <sheetName val="瀬谷区"/>
      <sheetName val="川崎区"/>
      <sheetName val="幸区"/>
      <sheetName val="中原区"/>
      <sheetName val="高津区"/>
      <sheetName val="宮前区"/>
      <sheetName val="多摩区"/>
      <sheetName val="麻生区"/>
      <sheetName val="相模原市緑区"/>
      <sheetName val="相模原市中央区"/>
      <sheetName val="相模原市南区"/>
      <sheetName val="横須賀市"/>
      <sheetName val="平塚市"/>
      <sheetName val="鎌倉市"/>
      <sheetName val="藤沢市"/>
      <sheetName val="小田原市"/>
      <sheetName val="茅ヶ崎市"/>
      <sheetName val="逗子市"/>
      <sheetName val="三浦市"/>
      <sheetName val="秦野市"/>
      <sheetName val="厚木市"/>
      <sheetName val="大和市"/>
      <sheetName val="伊勢原市"/>
      <sheetName val="海老名市"/>
      <sheetName val="座間市"/>
      <sheetName val="南足柄市"/>
      <sheetName val="綾瀬市"/>
      <sheetName val="葉山町"/>
      <sheetName val="寒川町"/>
      <sheetName val="大磯町"/>
      <sheetName val="二宮町"/>
      <sheetName val="中井町"/>
      <sheetName val="大井町"/>
      <sheetName val="松田町"/>
      <sheetName val="山北町"/>
      <sheetName val="開成町"/>
      <sheetName val="箱根町"/>
      <sheetName val="真鶴町"/>
      <sheetName val="湯河原町"/>
      <sheetName val="愛川町"/>
      <sheetName val="清川村"/>
      <sheetName val="県計"/>
      <sheetName val="市部計"/>
      <sheetName val="郡部計"/>
      <sheetName val="横浜市"/>
      <sheetName val="川崎市"/>
      <sheetName val="相模原市"/>
      <sheetName val="中郡"/>
      <sheetName val="足柄上郡"/>
      <sheetName val="足柄下郡"/>
      <sheetName val="愛甲郡"/>
      <sheetName val="横須賀･三浦"/>
      <sheetName val="県央"/>
      <sheetName val="湘南"/>
      <sheetName val="県西"/>
      <sheetName val="様式1"/>
      <sheetName val="様式2"/>
      <sheetName val="月報（記者発表）"/>
      <sheetName val="月報1"/>
      <sheetName val="月報2"/>
      <sheetName val="月報3"/>
      <sheetName val="月報4"/>
      <sheetName val="記者発表添付資料"/>
      <sheetName val="人口と世帯"/>
      <sheetName val="人口異動"/>
      <sheetName val="行政C(人口と世帯)"/>
      <sheetName val="行政C(人口異動)"/>
      <sheetName val="参考資料"/>
      <sheetName val="データ比較用元データ"/>
      <sheetName val="ランキング"/>
      <sheetName val="グラフデータ"/>
      <sheetName val="市区町村面積リスト"/>
      <sheetName val="基本データ"/>
      <sheetName val="システムトップ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"/>
  <dimension ref="A1:T82"/>
  <sheetViews>
    <sheetView tabSelected="1" view="pageBreakPreview" zoomScaleNormal="115" zoomScaleSheetLayoutView="100" workbookViewId="0"/>
  </sheetViews>
  <sheetFormatPr defaultRowHeight="14.25"/>
  <cols>
    <col min="1" max="1" width="1.375" style="1" customWidth="1"/>
    <col min="2" max="2" width="7.5" style="1" customWidth="1"/>
    <col min="3" max="3" width="1.375" style="1" customWidth="1"/>
    <col min="4" max="15" width="11.75" style="1" customWidth="1"/>
    <col min="16" max="16" width="1.25" style="1" customWidth="1"/>
    <col min="17" max="17" width="7.5" style="1" customWidth="1"/>
    <col min="18" max="18" width="1.25" style="1" customWidth="1"/>
  </cols>
  <sheetData>
    <row r="1" spans="1:20" ht="18.75" customHeight="1">
      <c r="C1" s="2"/>
      <c r="D1" s="61" t="s">
        <v>0</v>
      </c>
      <c r="E1" s="61"/>
      <c r="F1" s="61"/>
      <c r="G1" s="61"/>
      <c r="H1" s="61"/>
      <c r="I1" s="61"/>
      <c r="J1" s="2"/>
      <c r="K1" s="2"/>
      <c r="L1" s="2"/>
      <c r="M1" s="2"/>
      <c r="N1" s="2"/>
      <c r="O1" s="2"/>
      <c r="P1" s="3"/>
      <c r="Q1" s="4"/>
      <c r="R1" s="2"/>
    </row>
    <row r="2" spans="1:20" ht="15" customHeight="1" thickBot="1">
      <c r="A2" s="62" t="s">
        <v>1</v>
      </c>
      <c r="B2" s="62"/>
      <c r="C2" s="62"/>
      <c r="J2" s="63"/>
      <c r="K2" s="63"/>
      <c r="L2" s="63"/>
      <c r="M2" s="63"/>
      <c r="N2" s="63"/>
      <c r="O2" s="63"/>
      <c r="P2" s="68" t="s">
        <v>2</v>
      </c>
      <c r="Q2" s="68"/>
      <c r="R2" s="68"/>
    </row>
    <row r="3" spans="1:20" ht="15" customHeight="1">
      <c r="A3" s="64" t="s">
        <v>3</v>
      </c>
      <c r="B3" s="65"/>
      <c r="C3" s="65"/>
      <c r="D3" s="5" t="s">
        <v>4</v>
      </c>
      <c r="E3" s="5" t="s">
        <v>5</v>
      </c>
      <c r="F3" s="5" t="s">
        <v>6</v>
      </c>
      <c r="G3" s="5" t="s">
        <v>7</v>
      </c>
      <c r="H3" s="5" t="s">
        <v>8</v>
      </c>
      <c r="I3" s="6" t="s">
        <v>9</v>
      </c>
      <c r="J3" s="5" t="s">
        <v>10</v>
      </c>
      <c r="K3" s="5" t="s">
        <v>11</v>
      </c>
      <c r="L3" s="5" t="s">
        <v>12</v>
      </c>
      <c r="M3" s="5" t="s">
        <v>13</v>
      </c>
      <c r="N3" s="5" t="s">
        <v>14</v>
      </c>
      <c r="O3" s="5" t="s">
        <v>15</v>
      </c>
      <c r="P3" s="66" t="s">
        <v>3</v>
      </c>
      <c r="Q3" s="65"/>
      <c r="R3" s="67"/>
    </row>
    <row r="4" spans="1:20" ht="6.75" customHeight="1">
      <c r="A4" s="7"/>
      <c r="B4" s="3"/>
      <c r="C4" s="3"/>
      <c r="D4" s="8"/>
      <c r="E4" s="8"/>
      <c r="F4" s="8"/>
      <c r="G4" s="8"/>
      <c r="H4" s="8"/>
      <c r="I4" s="8"/>
      <c r="J4" s="8"/>
      <c r="K4" s="8"/>
      <c r="L4" s="8"/>
      <c r="M4" s="8"/>
      <c r="N4" s="8"/>
      <c r="O4" s="9"/>
      <c r="P4" s="10"/>
      <c r="Q4" s="3"/>
      <c r="R4" s="11"/>
    </row>
    <row r="5" spans="1:20" ht="12" customHeight="1">
      <c r="A5" s="12"/>
      <c r="B5" s="13" t="s">
        <v>16</v>
      </c>
      <c r="C5" s="14"/>
      <c r="D5" s="15">
        <v>9236337</v>
      </c>
      <c r="E5" s="15">
        <v>9231822</v>
      </c>
      <c r="F5" s="15">
        <v>9227745</v>
      </c>
      <c r="G5" s="15">
        <v>9232623</v>
      </c>
      <c r="H5" s="15">
        <v>9243550</v>
      </c>
      <c r="I5" s="15">
        <v>9243355</v>
      </c>
      <c r="J5" s="15">
        <v>9241927</v>
      </c>
      <c r="K5" s="15">
        <v>9239954</v>
      </c>
      <c r="L5" s="15">
        <v>9239650</v>
      </c>
      <c r="M5" s="15">
        <v>9236428</v>
      </c>
      <c r="N5" s="15">
        <v>9235158</v>
      </c>
      <c r="O5" s="16">
        <v>9233647</v>
      </c>
      <c r="P5" s="17"/>
      <c r="Q5" s="13" t="s">
        <v>16</v>
      </c>
      <c r="R5" s="18"/>
    </row>
    <row r="6" spans="1:20" s="58" customFormat="1" ht="12" customHeight="1">
      <c r="A6" s="28"/>
      <c r="B6" s="29" t="s">
        <v>17</v>
      </c>
      <c r="C6" s="30"/>
      <c r="D6" s="31">
        <v>9201825</v>
      </c>
      <c r="E6" s="31">
        <v>9198646</v>
      </c>
      <c r="F6" s="31">
        <v>9196411</v>
      </c>
      <c r="G6" s="31">
        <v>9204965</v>
      </c>
      <c r="H6" s="31">
        <v>9222618</v>
      </c>
      <c r="I6" s="31">
        <v>9222162</v>
      </c>
      <c r="J6" s="31">
        <v>9219863</v>
      </c>
      <c r="K6" s="31">
        <v>9217098</v>
      </c>
      <c r="L6" s="31">
        <v>9216009</v>
      </c>
      <c r="M6" s="31">
        <v>9237337</v>
      </c>
      <c r="N6" s="31">
        <v>9236126</v>
      </c>
      <c r="O6" s="32">
        <v>9236593</v>
      </c>
      <c r="P6" s="33"/>
      <c r="Q6" s="29" t="s">
        <v>17</v>
      </c>
      <c r="R6" s="34"/>
      <c r="S6" s="53"/>
      <c r="T6" s="53"/>
    </row>
    <row r="7" spans="1:20" s="27" customFormat="1" ht="6.75" customHeight="1">
      <c r="A7" s="19"/>
      <c r="B7" s="20"/>
      <c r="C7" s="21"/>
      <c r="D7" s="22"/>
      <c r="E7" s="22"/>
      <c r="F7" s="22"/>
      <c r="G7" s="22"/>
      <c r="H7" s="22"/>
      <c r="I7" s="22"/>
      <c r="J7" s="22"/>
      <c r="K7" s="22"/>
      <c r="L7" s="22"/>
      <c r="M7" s="22"/>
      <c r="N7" s="22"/>
      <c r="O7" s="23"/>
      <c r="P7" s="24"/>
      <c r="Q7" s="20"/>
      <c r="R7" s="25"/>
      <c r="S7" s="26"/>
      <c r="T7" s="26"/>
    </row>
    <row r="8" spans="1:20" s="26" customFormat="1" ht="12" customHeight="1">
      <c r="A8" s="19"/>
      <c r="B8" s="20" t="s">
        <v>18</v>
      </c>
      <c r="C8" s="21"/>
      <c r="D8" s="22">
        <v>9181625</v>
      </c>
      <c r="E8" s="22">
        <v>9178503</v>
      </c>
      <c r="F8" s="22">
        <v>9175042</v>
      </c>
      <c r="G8" s="22">
        <v>9180510</v>
      </c>
      <c r="H8" s="22">
        <v>9197925</v>
      </c>
      <c r="I8" s="22">
        <v>9199871</v>
      </c>
      <c r="J8" s="22">
        <v>9199590</v>
      </c>
      <c r="K8" s="22">
        <v>9199389</v>
      </c>
      <c r="L8" s="22">
        <v>9199037</v>
      </c>
      <c r="M8" s="22">
        <v>9200166</v>
      </c>
      <c r="N8" s="22">
        <v>9203069</v>
      </c>
      <c r="O8" s="23">
        <v>9202523</v>
      </c>
      <c r="P8" s="24"/>
      <c r="Q8" s="20" t="s">
        <v>18</v>
      </c>
      <c r="R8" s="25"/>
    </row>
    <row r="9" spans="1:20" s="26" customFormat="1" ht="12" customHeight="1">
      <c r="A9" s="54"/>
      <c r="B9" s="20">
        <v>30</v>
      </c>
      <c r="C9" s="56"/>
      <c r="D9" s="22">
        <v>9163279</v>
      </c>
      <c r="E9" s="22">
        <v>9160412</v>
      </c>
      <c r="F9" s="22">
        <v>9157211</v>
      </c>
      <c r="G9" s="22">
        <v>9161113</v>
      </c>
      <c r="H9" s="22">
        <v>9177834</v>
      </c>
      <c r="I9" s="22">
        <v>9180700</v>
      </c>
      <c r="J9" s="22">
        <v>9181389</v>
      </c>
      <c r="K9" s="22">
        <v>9180457</v>
      </c>
      <c r="L9" s="22">
        <v>9179666</v>
      </c>
      <c r="M9" s="22">
        <v>9179835</v>
      </c>
      <c r="N9" s="22">
        <v>9183257</v>
      </c>
      <c r="O9" s="23">
        <v>9182071</v>
      </c>
      <c r="P9" s="55"/>
      <c r="Q9" s="20">
        <v>30</v>
      </c>
      <c r="R9" s="57"/>
    </row>
    <row r="10" spans="1:20" s="26" customFormat="1" ht="12" customHeight="1">
      <c r="A10" s="54"/>
      <c r="B10" s="20">
        <v>29</v>
      </c>
      <c r="C10" s="56"/>
      <c r="D10" s="22">
        <v>9147400</v>
      </c>
      <c r="E10" s="22">
        <v>9145076</v>
      </c>
      <c r="F10" s="22">
        <v>9141390</v>
      </c>
      <c r="G10" s="22">
        <v>9144183</v>
      </c>
      <c r="H10" s="22">
        <v>9159692</v>
      </c>
      <c r="I10" s="22">
        <v>9161634</v>
      </c>
      <c r="J10" s="22">
        <v>9161855</v>
      </c>
      <c r="K10" s="22">
        <v>9161297</v>
      </c>
      <c r="L10" s="22">
        <v>9161493</v>
      </c>
      <c r="M10" s="22">
        <v>9161139</v>
      </c>
      <c r="N10" s="22">
        <v>9164373</v>
      </c>
      <c r="O10" s="23">
        <v>9164074</v>
      </c>
      <c r="P10" s="55"/>
      <c r="Q10" s="20">
        <v>29</v>
      </c>
      <c r="R10" s="57"/>
    </row>
    <row r="11" spans="1:20" s="26" customFormat="1" ht="12" customHeight="1">
      <c r="A11" s="54"/>
      <c r="B11" s="20">
        <v>28</v>
      </c>
      <c r="C11" s="56"/>
      <c r="D11" s="22">
        <v>9128037</v>
      </c>
      <c r="E11" s="22">
        <v>9126280</v>
      </c>
      <c r="F11" s="22">
        <v>9123971</v>
      </c>
      <c r="G11" s="22">
        <v>9128208</v>
      </c>
      <c r="H11" s="22">
        <v>9142584</v>
      </c>
      <c r="I11" s="22">
        <v>9144992</v>
      </c>
      <c r="J11" s="22">
        <v>9145832</v>
      </c>
      <c r="K11" s="22">
        <v>9145026</v>
      </c>
      <c r="L11" s="22">
        <v>9145587</v>
      </c>
      <c r="M11" s="22">
        <v>9145572</v>
      </c>
      <c r="N11" s="22">
        <v>9148549</v>
      </c>
      <c r="O11" s="23">
        <v>9148109</v>
      </c>
      <c r="P11" s="55"/>
      <c r="Q11" s="20">
        <v>28</v>
      </c>
      <c r="R11" s="57"/>
    </row>
    <row r="12" spans="1:20" s="53" customFormat="1" ht="12" customHeight="1">
      <c r="A12" s="51"/>
      <c r="B12" s="29" t="s">
        <v>19</v>
      </c>
      <c r="C12" s="59"/>
      <c r="D12" s="31">
        <v>9100346</v>
      </c>
      <c r="E12" s="31">
        <v>9097624</v>
      </c>
      <c r="F12" s="31">
        <v>9094974</v>
      </c>
      <c r="G12" s="31">
        <v>9099935</v>
      </c>
      <c r="H12" s="31">
        <v>9116252</v>
      </c>
      <c r="I12" s="31">
        <v>9118334</v>
      </c>
      <c r="J12" s="31">
        <v>9118775</v>
      </c>
      <c r="K12" s="31">
        <v>9117529</v>
      </c>
      <c r="L12" s="31">
        <v>9118562</v>
      </c>
      <c r="M12" s="31">
        <v>9126214</v>
      </c>
      <c r="N12" s="31">
        <v>9128262</v>
      </c>
      <c r="O12" s="32">
        <v>9129173</v>
      </c>
      <c r="P12" s="52"/>
      <c r="Q12" s="29" t="s">
        <v>19</v>
      </c>
      <c r="R12" s="60"/>
    </row>
    <row r="13" spans="1:20" s="26" customFormat="1" ht="6.75" customHeight="1">
      <c r="A13" s="54"/>
      <c r="B13" s="20"/>
      <c r="C13" s="56"/>
      <c r="D13" s="22"/>
      <c r="E13" s="22"/>
      <c r="F13" s="22"/>
      <c r="G13" s="22"/>
      <c r="H13" s="22"/>
      <c r="I13" s="22"/>
      <c r="J13" s="22"/>
      <c r="K13" s="22"/>
      <c r="L13" s="22"/>
      <c r="M13" s="22"/>
      <c r="N13" s="22"/>
      <c r="O13" s="23"/>
      <c r="P13" s="55"/>
      <c r="Q13" s="20"/>
      <c r="R13" s="57"/>
    </row>
    <row r="14" spans="1:20" s="26" customFormat="1" ht="12" customHeight="1">
      <c r="A14" s="19"/>
      <c r="B14" s="20">
        <v>26</v>
      </c>
      <c r="C14" s="21"/>
      <c r="D14" s="22">
        <v>9083839</v>
      </c>
      <c r="E14" s="22">
        <v>9081284</v>
      </c>
      <c r="F14" s="22">
        <v>9078001</v>
      </c>
      <c r="G14" s="22">
        <v>9079236</v>
      </c>
      <c r="H14" s="22">
        <v>9094662</v>
      </c>
      <c r="I14" s="22">
        <v>9096445</v>
      </c>
      <c r="J14" s="22">
        <v>9097245</v>
      </c>
      <c r="K14" s="22">
        <v>9097401</v>
      </c>
      <c r="L14" s="22">
        <v>9097198</v>
      </c>
      <c r="M14" s="22">
        <v>9098984</v>
      </c>
      <c r="N14" s="22">
        <v>9101505</v>
      </c>
      <c r="O14" s="23">
        <v>9101625</v>
      </c>
      <c r="P14" s="24"/>
      <c r="Q14" s="20">
        <v>26</v>
      </c>
      <c r="R14" s="25"/>
    </row>
    <row r="15" spans="1:20" s="27" customFormat="1" ht="12" customHeight="1">
      <c r="A15" s="54"/>
      <c r="B15" s="20">
        <v>25</v>
      </c>
      <c r="C15" s="21"/>
      <c r="D15" s="22">
        <v>9072533</v>
      </c>
      <c r="E15" s="22">
        <v>9069042</v>
      </c>
      <c r="F15" s="22">
        <v>9064465</v>
      </c>
      <c r="G15" s="22">
        <v>9061378</v>
      </c>
      <c r="H15" s="22">
        <v>9079150</v>
      </c>
      <c r="I15" s="22">
        <v>9080892</v>
      </c>
      <c r="J15" s="22">
        <v>9079363</v>
      </c>
      <c r="K15" s="22">
        <v>9079998</v>
      </c>
      <c r="L15" s="22">
        <v>9081005</v>
      </c>
      <c r="M15" s="22">
        <v>9081742</v>
      </c>
      <c r="N15" s="22">
        <v>9084223</v>
      </c>
      <c r="O15" s="23">
        <v>9084473</v>
      </c>
      <c r="P15" s="55"/>
      <c r="Q15" s="20">
        <v>25</v>
      </c>
      <c r="R15" s="25"/>
      <c r="S15" s="26"/>
      <c r="T15" s="26"/>
    </row>
    <row r="16" spans="1:20" s="43" customFormat="1" ht="12" customHeight="1">
      <c r="A16" s="35"/>
      <c r="B16" s="36">
        <v>24</v>
      </c>
      <c r="C16" s="37"/>
      <c r="D16" s="38">
        <v>9060257</v>
      </c>
      <c r="E16" s="38">
        <v>9057742</v>
      </c>
      <c r="F16" s="38">
        <v>9053776</v>
      </c>
      <c r="G16" s="38">
        <v>9052730</v>
      </c>
      <c r="H16" s="38">
        <v>9069694</v>
      </c>
      <c r="I16" s="38">
        <v>9072471</v>
      </c>
      <c r="J16" s="38">
        <v>9071272</v>
      </c>
      <c r="K16" s="38">
        <v>9071855</v>
      </c>
      <c r="L16" s="38">
        <v>9073190</v>
      </c>
      <c r="M16" s="38">
        <v>9072133</v>
      </c>
      <c r="N16" s="38">
        <v>9075474</v>
      </c>
      <c r="O16" s="39">
        <v>9075075</v>
      </c>
      <c r="P16" s="40"/>
      <c r="Q16" s="36">
        <v>24</v>
      </c>
      <c r="R16" s="41"/>
      <c r="S16" s="42"/>
      <c r="T16" s="42"/>
    </row>
    <row r="17" spans="1:20" s="27" customFormat="1" ht="12" customHeight="1">
      <c r="A17" s="54"/>
      <c r="B17" s="20">
        <v>23</v>
      </c>
      <c r="C17" s="21"/>
      <c r="D17" s="22">
        <v>9051028</v>
      </c>
      <c r="E17" s="22">
        <v>9049201</v>
      </c>
      <c r="F17" s="22">
        <v>9046250</v>
      </c>
      <c r="G17" s="22">
        <v>9044930</v>
      </c>
      <c r="H17" s="22">
        <v>9057420</v>
      </c>
      <c r="I17" s="22">
        <v>9060539</v>
      </c>
      <c r="J17" s="22">
        <v>9059480</v>
      </c>
      <c r="K17" s="22">
        <v>9058420</v>
      </c>
      <c r="L17" s="22">
        <v>9060518</v>
      </c>
      <c r="M17" s="22">
        <v>9059616</v>
      </c>
      <c r="N17" s="22">
        <v>9061473</v>
      </c>
      <c r="O17" s="23">
        <v>9061898</v>
      </c>
      <c r="P17" s="55"/>
      <c r="Q17" s="20">
        <v>23</v>
      </c>
      <c r="R17" s="25"/>
      <c r="S17" s="26"/>
      <c r="T17" s="26"/>
    </row>
    <row r="18" spans="1:20" s="58" customFormat="1" ht="12" customHeight="1">
      <c r="A18" s="51"/>
      <c r="B18" s="29" t="s">
        <v>20</v>
      </c>
      <c r="C18" s="30"/>
      <c r="D18" s="31">
        <v>9008132</v>
      </c>
      <c r="E18" s="31">
        <v>9006229</v>
      </c>
      <c r="F18" s="31">
        <v>9004306</v>
      </c>
      <c r="G18" s="31">
        <v>9008743</v>
      </c>
      <c r="H18" s="31">
        <v>9025843</v>
      </c>
      <c r="I18" s="31">
        <v>9028118</v>
      </c>
      <c r="J18" s="31">
        <v>9028302</v>
      </c>
      <c r="K18" s="31">
        <v>9028285</v>
      </c>
      <c r="L18" s="31">
        <v>9029996</v>
      </c>
      <c r="M18" s="31">
        <v>9048331</v>
      </c>
      <c r="N18" s="31">
        <v>9050567</v>
      </c>
      <c r="O18" s="32">
        <v>9051390</v>
      </c>
      <c r="P18" s="52"/>
      <c r="Q18" s="29" t="s">
        <v>20</v>
      </c>
      <c r="R18" s="34"/>
      <c r="S18" s="53"/>
      <c r="T18" s="53"/>
    </row>
    <row r="19" spans="1:20" s="27" customFormat="1" ht="6.75" customHeight="1">
      <c r="A19" s="54"/>
      <c r="B19" s="20"/>
      <c r="C19" s="21"/>
      <c r="D19" s="22"/>
      <c r="E19" s="22"/>
      <c r="F19" s="22"/>
      <c r="G19" s="22"/>
      <c r="H19" s="22"/>
      <c r="I19" s="22"/>
      <c r="J19" s="22"/>
      <c r="K19" s="22"/>
      <c r="L19" s="22"/>
      <c r="M19" s="22"/>
      <c r="N19" s="22"/>
      <c r="O19" s="23"/>
      <c r="P19" s="55"/>
      <c r="Q19" s="20"/>
      <c r="R19" s="25"/>
      <c r="S19" s="26"/>
      <c r="T19" s="26"/>
    </row>
    <row r="20" spans="1:20" s="26" customFormat="1" ht="12" customHeight="1">
      <c r="A20" s="19"/>
      <c r="B20" s="20">
        <v>21</v>
      </c>
      <c r="C20" s="21"/>
      <c r="D20" s="22">
        <v>8965352</v>
      </c>
      <c r="E20" s="22">
        <v>8965954</v>
      </c>
      <c r="F20" s="22">
        <v>8964892</v>
      </c>
      <c r="G20" s="22">
        <v>8974075</v>
      </c>
      <c r="H20" s="22">
        <v>8994595</v>
      </c>
      <c r="I20" s="22">
        <v>8998805</v>
      </c>
      <c r="J20" s="22">
        <v>9001358</v>
      </c>
      <c r="K20" s="22">
        <v>9002078</v>
      </c>
      <c r="L20" s="22">
        <v>9003840</v>
      </c>
      <c r="M20" s="22">
        <v>9005176</v>
      </c>
      <c r="N20" s="22">
        <v>9007993</v>
      </c>
      <c r="O20" s="23">
        <v>9008905</v>
      </c>
      <c r="P20" s="24"/>
      <c r="Q20" s="20">
        <v>21</v>
      </c>
      <c r="R20" s="25"/>
    </row>
    <row r="21" spans="1:20" s="27" customFormat="1" ht="12" customHeight="1">
      <c r="A21" s="54"/>
      <c r="B21" s="20">
        <v>20</v>
      </c>
      <c r="C21" s="21"/>
      <c r="D21" s="22">
        <v>8910256</v>
      </c>
      <c r="E21" s="22">
        <v>8910553</v>
      </c>
      <c r="F21" s="22">
        <v>8909857</v>
      </c>
      <c r="G21" s="22">
        <v>8916854</v>
      </c>
      <c r="H21" s="22">
        <v>8939652</v>
      </c>
      <c r="I21" s="22">
        <v>8944118</v>
      </c>
      <c r="J21" s="22">
        <v>8946742</v>
      </c>
      <c r="K21" s="22">
        <v>8950032</v>
      </c>
      <c r="L21" s="22">
        <v>8953788</v>
      </c>
      <c r="M21" s="22">
        <v>8956804</v>
      </c>
      <c r="N21" s="22">
        <v>8961239</v>
      </c>
      <c r="O21" s="23">
        <v>8963944</v>
      </c>
      <c r="P21" s="55"/>
      <c r="Q21" s="20">
        <v>20</v>
      </c>
      <c r="R21" s="25"/>
      <c r="S21" s="26"/>
      <c r="T21" s="26"/>
    </row>
    <row r="22" spans="1:20" s="27" customFormat="1" ht="12" customHeight="1">
      <c r="A22" s="54"/>
      <c r="B22" s="20">
        <v>19</v>
      </c>
      <c r="C22" s="21"/>
      <c r="D22" s="22">
        <v>8848166</v>
      </c>
      <c r="E22" s="22">
        <v>8849821</v>
      </c>
      <c r="F22" s="22">
        <v>8850901</v>
      </c>
      <c r="G22" s="22">
        <v>8854830</v>
      </c>
      <c r="H22" s="22">
        <v>8879968</v>
      </c>
      <c r="I22" s="22">
        <v>8887150</v>
      </c>
      <c r="J22" s="22">
        <v>8889933</v>
      </c>
      <c r="K22" s="22">
        <v>8893264</v>
      </c>
      <c r="L22" s="22">
        <v>8898195</v>
      </c>
      <c r="M22" s="22">
        <v>8899545</v>
      </c>
      <c r="N22" s="22">
        <v>8905930</v>
      </c>
      <c r="O22" s="23">
        <v>8908440</v>
      </c>
      <c r="P22" s="55"/>
      <c r="Q22" s="20">
        <v>19</v>
      </c>
      <c r="R22" s="25"/>
      <c r="S22" s="26"/>
      <c r="T22" s="26"/>
    </row>
    <row r="23" spans="1:20" s="27" customFormat="1" ht="12" customHeight="1">
      <c r="A23" s="54"/>
      <c r="B23" s="20">
        <v>18</v>
      </c>
      <c r="C23" s="21"/>
      <c r="D23" s="22">
        <v>8801632</v>
      </c>
      <c r="E23" s="22">
        <v>8801612</v>
      </c>
      <c r="F23" s="22">
        <v>8801102</v>
      </c>
      <c r="G23" s="22">
        <v>8800903</v>
      </c>
      <c r="H23" s="22">
        <v>8823924</v>
      </c>
      <c r="I23" s="22">
        <v>8830438</v>
      </c>
      <c r="J23" s="22">
        <v>8831157</v>
      </c>
      <c r="K23" s="22">
        <v>8834021</v>
      </c>
      <c r="L23" s="22">
        <v>8836558</v>
      </c>
      <c r="M23" s="22">
        <v>8837640</v>
      </c>
      <c r="N23" s="22">
        <v>8843347</v>
      </c>
      <c r="O23" s="23">
        <v>8846454</v>
      </c>
      <c r="P23" s="55"/>
      <c r="Q23" s="20">
        <v>18</v>
      </c>
      <c r="R23" s="25"/>
      <c r="S23" s="26"/>
      <c r="T23" s="26"/>
    </row>
    <row r="24" spans="1:20" s="58" customFormat="1" ht="12" customHeight="1">
      <c r="A24" s="51"/>
      <c r="B24" s="29" t="s">
        <v>21</v>
      </c>
      <c r="C24" s="30"/>
      <c r="D24" s="31">
        <v>8748731</v>
      </c>
      <c r="E24" s="31">
        <v>8749335</v>
      </c>
      <c r="F24" s="31">
        <v>8748193</v>
      </c>
      <c r="G24" s="31">
        <v>8749038</v>
      </c>
      <c r="H24" s="31">
        <v>8771143</v>
      </c>
      <c r="I24" s="31">
        <v>8776724</v>
      </c>
      <c r="J24" s="31">
        <v>8779313</v>
      </c>
      <c r="K24" s="31">
        <v>8780836</v>
      </c>
      <c r="L24" s="31">
        <v>8785638</v>
      </c>
      <c r="M24" s="31">
        <v>8791597</v>
      </c>
      <c r="N24" s="31">
        <v>8797714</v>
      </c>
      <c r="O24" s="32">
        <v>8800167</v>
      </c>
      <c r="P24" s="52"/>
      <c r="Q24" s="29" t="s">
        <v>21</v>
      </c>
      <c r="R24" s="34"/>
      <c r="S24" s="53"/>
      <c r="T24" s="53"/>
    </row>
    <row r="25" spans="1:20" s="27" customFormat="1" ht="6.75" customHeight="1">
      <c r="A25" s="54"/>
      <c r="B25" s="20"/>
      <c r="C25" s="21"/>
      <c r="D25" s="22"/>
      <c r="E25" s="22"/>
      <c r="F25" s="22"/>
      <c r="G25" s="22"/>
      <c r="H25" s="22"/>
      <c r="I25" s="22"/>
      <c r="J25" s="22"/>
      <c r="K25" s="22"/>
      <c r="L25" s="22"/>
      <c r="M25" s="22"/>
      <c r="N25" s="22"/>
      <c r="O25" s="23"/>
      <c r="P25" s="55"/>
      <c r="Q25" s="20"/>
      <c r="R25" s="25"/>
      <c r="S25" s="26"/>
      <c r="T25" s="26"/>
    </row>
    <row r="26" spans="1:20" s="27" customFormat="1" ht="12" customHeight="1">
      <c r="A26" s="19"/>
      <c r="B26" s="20">
        <v>16</v>
      </c>
      <c r="C26" s="21"/>
      <c r="D26" s="22">
        <v>8697720</v>
      </c>
      <c r="E26" s="22">
        <v>8699273</v>
      </c>
      <c r="F26" s="22">
        <v>8699920</v>
      </c>
      <c r="G26" s="22">
        <v>8702885</v>
      </c>
      <c r="H26" s="22">
        <v>8726087</v>
      </c>
      <c r="I26" s="22">
        <v>8732827</v>
      </c>
      <c r="J26" s="22">
        <v>8736632</v>
      </c>
      <c r="K26" s="22">
        <v>8734819</v>
      </c>
      <c r="L26" s="22">
        <v>8738441</v>
      </c>
      <c r="M26" s="22">
        <v>8740136</v>
      </c>
      <c r="N26" s="22">
        <v>8744097</v>
      </c>
      <c r="O26" s="23">
        <v>8747356</v>
      </c>
      <c r="P26" s="24"/>
      <c r="Q26" s="20">
        <v>16</v>
      </c>
      <c r="R26" s="25"/>
      <c r="S26" s="26"/>
      <c r="T26" s="26"/>
    </row>
    <row r="27" spans="1:20" s="27" customFormat="1" ht="12" customHeight="1">
      <c r="A27" s="54"/>
      <c r="B27" s="20">
        <v>15</v>
      </c>
      <c r="C27" s="21"/>
      <c r="D27" s="22">
        <v>8639665</v>
      </c>
      <c r="E27" s="22">
        <v>8641280</v>
      </c>
      <c r="F27" s="22">
        <v>8640748</v>
      </c>
      <c r="G27" s="22">
        <v>8641565</v>
      </c>
      <c r="H27" s="22">
        <v>8668586</v>
      </c>
      <c r="I27" s="22">
        <v>8674693</v>
      </c>
      <c r="J27" s="22">
        <v>8677993</v>
      </c>
      <c r="K27" s="22">
        <v>8680615</v>
      </c>
      <c r="L27" s="22">
        <v>8684654</v>
      </c>
      <c r="M27" s="22">
        <v>8687422</v>
      </c>
      <c r="N27" s="22">
        <v>8692732</v>
      </c>
      <c r="O27" s="23">
        <v>8695931</v>
      </c>
      <c r="P27" s="55"/>
      <c r="Q27" s="20">
        <v>15</v>
      </c>
      <c r="R27" s="25"/>
      <c r="S27" s="26"/>
      <c r="T27" s="26"/>
    </row>
    <row r="28" spans="1:20" s="27" customFormat="1" ht="12" customHeight="1">
      <c r="A28" s="54"/>
      <c r="B28" s="20">
        <v>14</v>
      </c>
      <c r="C28" s="21"/>
      <c r="D28" s="22">
        <v>8575372</v>
      </c>
      <c r="E28" s="22">
        <v>8577784</v>
      </c>
      <c r="F28" s="22">
        <v>8578873</v>
      </c>
      <c r="G28" s="22">
        <v>8572726</v>
      </c>
      <c r="H28" s="22">
        <v>8606865</v>
      </c>
      <c r="I28" s="22">
        <v>8614190</v>
      </c>
      <c r="J28" s="22">
        <v>8616886</v>
      </c>
      <c r="K28" s="22">
        <v>8621337</v>
      </c>
      <c r="L28" s="22">
        <v>8625880</v>
      </c>
      <c r="M28" s="22">
        <v>8628787</v>
      </c>
      <c r="N28" s="22">
        <v>8634524</v>
      </c>
      <c r="O28" s="23">
        <v>8638175</v>
      </c>
      <c r="P28" s="55"/>
      <c r="Q28" s="20">
        <v>14</v>
      </c>
      <c r="R28" s="25"/>
      <c r="S28" s="26"/>
      <c r="T28" s="26"/>
    </row>
    <row r="29" spans="1:20" s="27" customFormat="1" ht="12" customHeight="1">
      <c r="A29" s="54"/>
      <c r="B29" s="20">
        <v>13</v>
      </c>
      <c r="C29" s="21"/>
      <c r="D29" s="22">
        <v>8503498</v>
      </c>
      <c r="E29" s="22">
        <v>8506983</v>
      </c>
      <c r="F29" s="22">
        <v>8507802</v>
      </c>
      <c r="G29" s="22">
        <v>8503950</v>
      </c>
      <c r="H29" s="22">
        <v>8534524</v>
      </c>
      <c r="I29" s="22">
        <v>8543348</v>
      </c>
      <c r="J29" s="22">
        <v>8547753</v>
      </c>
      <c r="K29" s="22">
        <v>8551899</v>
      </c>
      <c r="L29" s="22">
        <v>8558071</v>
      </c>
      <c r="M29" s="22">
        <v>8561001</v>
      </c>
      <c r="N29" s="22">
        <v>8569740</v>
      </c>
      <c r="O29" s="23">
        <v>8573449</v>
      </c>
      <c r="P29" s="55"/>
      <c r="Q29" s="20">
        <v>13</v>
      </c>
      <c r="R29" s="25"/>
      <c r="S29" s="26"/>
      <c r="T29" s="26"/>
    </row>
    <row r="30" spans="1:20" s="58" customFormat="1" ht="12" customHeight="1">
      <c r="A30" s="51"/>
      <c r="B30" s="29" t="s">
        <v>22</v>
      </c>
      <c r="C30" s="30"/>
      <c r="D30" s="31">
        <v>8446174</v>
      </c>
      <c r="E30" s="31">
        <v>8447789</v>
      </c>
      <c r="F30" s="31">
        <v>8447118</v>
      </c>
      <c r="G30" s="31">
        <v>8441464</v>
      </c>
      <c r="H30" s="31">
        <v>8469082</v>
      </c>
      <c r="I30" s="31">
        <v>8476353</v>
      </c>
      <c r="J30" s="31">
        <v>8479368</v>
      </c>
      <c r="K30" s="31">
        <v>8481898</v>
      </c>
      <c r="L30" s="31">
        <v>8488207</v>
      </c>
      <c r="M30" s="31">
        <v>8489974</v>
      </c>
      <c r="N30" s="31">
        <v>8496792</v>
      </c>
      <c r="O30" s="32">
        <v>8501436</v>
      </c>
      <c r="P30" s="52"/>
      <c r="Q30" s="29" t="s">
        <v>22</v>
      </c>
      <c r="R30" s="34"/>
      <c r="S30" s="53"/>
      <c r="T30" s="53"/>
    </row>
    <row r="31" spans="1:20" s="27" customFormat="1" ht="6.75" customHeight="1">
      <c r="A31" s="54"/>
      <c r="B31" s="20"/>
      <c r="C31" s="21"/>
      <c r="D31" s="22"/>
      <c r="E31" s="22"/>
      <c r="F31" s="22"/>
      <c r="G31" s="22"/>
      <c r="H31" s="22"/>
      <c r="I31" s="22"/>
      <c r="J31" s="22"/>
      <c r="K31" s="22"/>
      <c r="L31" s="22"/>
      <c r="M31" s="22"/>
      <c r="N31" s="22"/>
      <c r="O31" s="23"/>
      <c r="P31" s="55"/>
      <c r="Q31" s="20"/>
      <c r="R31" s="25"/>
      <c r="S31" s="26"/>
      <c r="T31" s="26"/>
    </row>
    <row r="32" spans="1:20" s="26" customFormat="1" ht="12" customHeight="1">
      <c r="A32" s="19"/>
      <c r="B32" s="20">
        <v>11</v>
      </c>
      <c r="C32" s="21"/>
      <c r="D32" s="22">
        <v>8398336</v>
      </c>
      <c r="E32" s="22">
        <v>8398271</v>
      </c>
      <c r="F32" s="22">
        <v>8397311</v>
      </c>
      <c r="G32" s="22">
        <v>8392402</v>
      </c>
      <c r="H32" s="22">
        <v>8419574</v>
      </c>
      <c r="I32" s="22">
        <v>8425391</v>
      </c>
      <c r="J32" s="22">
        <v>8427436</v>
      </c>
      <c r="K32" s="22">
        <v>8429422</v>
      </c>
      <c r="L32" s="22">
        <v>8434333</v>
      </c>
      <c r="M32" s="22">
        <v>8436490</v>
      </c>
      <c r="N32" s="22">
        <v>8439894</v>
      </c>
      <c r="O32" s="23">
        <v>8443701</v>
      </c>
      <c r="P32" s="24"/>
      <c r="Q32" s="20">
        <v>11</v>
      </c>
      <c r="R32" s="25"/>
    </row>
    <row r="33" spans="1:20" s="27" customFormat="1" ht="12" customHeight="1">
      <c r="A33" s="54"/>
      <c r="B33" s="20">
        <v>10</v>
      </c>
      <c r="C33" s="21"/>
      <c r="D33" s="22">
        <v>8340837</v>
      </c>
      <c r="E33" s="22">
        <v>8342266</v>
      </c>
      <c r="F33" s="22">
        <v>8341756</v>
      </c>
      <c r="G33" s="22">
        <v>8335821</v>
      </c>
      <c r="H33" s="22">
        <v>8367264</v>
      </c>
      <c r="I33" s="22">
        <v>8373950</v>
      </c>
      <c r="J33" s="22">
        <v>8378473</v>
      </c>
      <c r="K33" s="22">
        <v>8380178</v>
      </c>
      <c r="L33" s="22">
        <v>8386812</v>
      </c>
      <c r="M33" s="22">
        <v>8389140</v>
      </c>
      <c r="N33" s="22">
        <v>8394458</v>
      </c>
      <c r="O33" s="23">
        <v>8396440</v>
      </c>
      <c r="P33" s="55"/>
      <c r="Q33" s="20">
        <v>10</v>
      </c>
      <c r="R33" s="25"/>
      <c r="S33" s="26"/>
      <c r="T33" s="26"/>
    </row>
    <row r="34" spans="1:20" s="27" customFormat="1" ht="12" customHeight="1">
      <c r="A34" s="54"/>
      <c r="B34" s="20">
        <v>9</v>
      </c>
      <c r="C34" s="21"/>
      <c r="D34" s="22">
        <v>8295504</v>
      </c>
      <c r="E34" s="22">
        <v>8295375</v>
      </c>
      <c r="F34" s="22">
        <v>8294035</v>
      </c>
      <c r="G34" s="22">
        <v>8282288</v>
      </c>
      <c r="H34" s="22">
        <v>8313213</v>
      </c>
      <c r="I34" s="22">
        <v>8318976</v>
      </c>
      <c r="J34" s="22">
        <v>8320339</v>
      </c>
      <c r="K34" s="22">
        <v>8321227</v>
      </c>
      <c r="L34" s="22">
        <v>8326923</v>
      </c>
      <c r="M34" s="22">
        <v>8329289</v>
      </c>
      <c r="N34" s="22">
        <v>8333672</v>
      </c>
      <c r="O34" s="23">
        <v>8338301</v>
      </c>
      <c r="P34" s="55"/>
      <c r="Q34" s="20">
        <v>9</v>
      </c>
      <c r="R34" s="25"/>
      <c r="S34" s="26"/>
      <c r="T34" s="26"/>
    </row>
    <row r="35" spans="1:20" s="27" customFormat="1" ht="12" customHeight="1">
      <c r="A35" s="54"/>
      <c r="B35" s="20">
        <v>8</v>
      </c>
      <c r="C35" s="21"/>
      <c r="D35" s="22">
        <v>8252665</v>
      </c>
      <c r="E35" s="22">
        <v>8253570</v>
      </c>
      <c r="F35" s="22">
        <v>8252100</v>
      </c>
      <c r="G35" s="22">
        <v>8232106</v>
      </c>
      <c r="H35" s="22">
        <v>8265950</v>
      </c>
      <c r="I35" s="22">
        <v>8272760</v>
      </c>
      <c r="J35" s="22">
        <v>8275647</v>
      </c>
      <c r="K35" s="22">
        <v>8277078</v>
      </c>
      <c r="L35" s="22">
        <v>8282160</v>
      </c>
      <c r="M35" s="22">
        <v>8285030</v>
      </c>
      <c r="N35" s="22">
        <v>8289200</v>
      </c>
      <c r="O35" s="23">
        <v>8293339</v>
      </c>
      <c r="P35" s="55"/>
      <c r="Q35" s="20">
        <v>8</v>
      </c>
      <c r="R35" s="25"/>
      <c r="S35" s="26"/>
      <c r="T35" s="26"/>
    </row>
    <row r="36" spans="1:20" s="58" customFormat="1" ht="12" customHeight="1">
      <c r="A36" s="51"/>
      <c r="B36" s="29" t="s">
        <v>23</v>
      </c>
      <c r="C36" s="30"/>
      <c r="D36" s="31">
        <v>8238840</v>
      </c>
      <c r="E36" s="31">
        <v>8240571</v>
      </c>
      <c r="F36" s="31">
        <v>8238632</v>
      </c>
      <c r="G36" s="31">
        <v>8221618</v>
      </c>
      <c r="H36" s="31">
        <v>8251296</v>
      </c>
      <c r="I36" s="31">
        <v>8258718</v>
      </c>
      <c r="J36" s="31">
        <v>8260247</v>
      </c>
      <c r="K36" s="31">
        <v>8259141</v>
      </c>
      <c r="L36" s="31">
        <v>8264521</v>
      </c>
      <c r="M36" s="31">
        <v>8245900</v>
      </c>
      <c r="N36" s="31">
        <v>8249538</v>
      </c>
      <c r="O36" s="32">
        <v>8253021</v>
      </c>
      <c r="P36" s="52"/>
      <c r="Q36" s="29" t="s">
        <v>23</v>
      </c>
      <c r="R36" s="34"/>
      <c r="S36" s="53"/>
      <c r="T36" s="53"/>
    </row>
    <row r="37" spans="1:20" s="27" customFormat="1" ht="6.75" customHeight="1">
      <c r="A37" s="54"/>
      <c r="B37" s="20"/>
      <c r="C37" s="21"/>
      <c r="D37" s="22"/>
      <c r="E37" s="22"/>
      <c r="F37" s="22"/>
      <c r="G37" s="22"/>
      <c r="H37" s="22"/>
      <c r="I37" s="22"/>
      <c r="J37" s="22"/>
      <c r="K37" s="22"/>
      <c r="L37" s="22"/>
      <c r="M37" s="22"/>
      <c r="N37" s="22"/>
      <c r="O37" s="23"/>
      <c r="P37" s="55"/>
      <c r="Q37" s="20"/>
      <c r="R37" s="25"/>
      <c r="S37" s="26"/>
      <c r="T37" s="26"/>
    </row>
    <row r="38" spans="1:20" s="26" customFormat="1" ht="12" customHeight="1">
      <c r="A38" s="19"/>
      <c r="B38" s="20">
        <v>6</v>
      </c>
      <c r="C38" s="21"/>
      <c r="D38" s="22">
        <v>8196872</v>
      </c>
      <c r="E38" s="22">
        <v>8197526</v>
      </c>
      <c r="F38" s="22">
        <v>8193262</v>
      </c>
      <c r="G38" s="22">
        <v>8178713</v>
      </c>
      <c r="H38" s="22">
        <v>8209489</v>
      </c>
      <c r="I38" s="22">
        <v>8217650</v>
      </c>
      <c r="J38" s="22">
        <v>8220367</v>
      </c>
      <c r="K38" s="22">
        <v>8219525</v>
      </c>
      <c r="L38" s="22">
        <v>8225905</v>
      </c>
      <c r="M38" s="22">
        <v>8228033</v>
      </c>
      <c r="N38" s="22">
        <v>8232735</v>
      </c>
      <c r="O38" s="23">
        <v>8237053</v>
      </c>
      <c r="P38" s="24"/>
      <c r="Q38" s="20">
        <v>6</v>
      </c>
      <c r="R38" s="25"/>
    </row>
    <row r="39" spans="1:20" s="27" customFormat="1" ht="12" customHeight="1">
      <c r="A39" s="54"/>
      <c r="B39" s="20">
        <v>5</v>
      </c>
      <c r="C39" s="21"/>
      <c r="D39" s="22">
        <v>8148512</v>
      </c>
      <c r="E39" s="22">
        <v>8149547</v>
      </c>
      <c r="F39" s="22">
        <v>8149282</v>
      </c>
      <c r="G39" s="22">
        <v>8133824</v>
      </c>
      <c r="H39" s="22">
        <v>8171572</v>
      </c>
      <c r="I39" s="22">
        <v>8177717</v>
      </c>
      <c r="J39" s="22">
        <v>8181366</v>
      </c>
      <c r="K39" s="22">
        <v>8181225</v>
      </c>
      <c r="L39" s="22">
        <v>8186190</v>
      </c>
      <c r="M39" s="22">
        <v>8187799</v>
      </c>
      <c r="N39" s="22">
        <v>8191243</v>
      </c>
      <c r="O39" s="23">
        <v>8194483</v>
      </c>
      <c r="P39" s="55"/>
      <c r="Q39" s="20">
        <v>5</v>
      </c>
      <c r="R39" s="25"/>
      <c r="S39" s="26"/>
      <c r="T39" s="26"/>
    </row>
    <row r="40" spans="1:20" s="27" customFormat="1" ht="12" customHeight="1">
      <c r="A40" s="54"/>
      <c r="B40" s="20">
        <v>4</v>
      </c>
      <c r="C40" s="21"/>
      <c r="D40" s="22">
        <v>8084849</v>
      </c>
      <c r="E40" s="22">
        <v>8086971</v>
      </c>
      <c r="F40" s="22">
        <v>8087093</v>
      </c>
      <c r="G40" s="22">
        <v>8074302</v>
      </c>
      <c r="H40" s="22">
        <v>8118623</v>
      </c>
      <c r="I40" s="22">
        <v>8127547</v>
      </c>
      <c r="J40" s="22">
        <v>8131744</v>
      </c>
      <c r="K40" s="22">
        <v>8130948</v>
      </c>
      <c r="L40" s="22">
        <v>8135110</v>
      </c>
      <c r="M40" s="22">
        <v>8137615</v>
      </c>
      <c r="N40" s="22">
        <v>8142036</v>
      </c>
      <c r="O40" s="23">
        <v>8146441</v>
      </c>
      <c r="P40" s="55"/>
      <c r="Q40" s="20">
        <v>4</v>
      </c>
      <c r="R40" s="25"/>
      <c r="S40" s="26"/>
      <c r="T40" s="26"/>
    </row>
    <row r="41" spans="1:20" s="27" customFormat="1" ht="12" customHeight="1">
      <c r="A41" s="54"/>
      <c r="B41" s="20">
        <v>3</v>
      </c>
      <c r="C41" s="21"/>
      <c r="D41" s="22">
        <v>7998747</v>
      </c>
      <c r="E41" s="22">
        <v>8003155</v>
      </c>
      <c r="F41" s="22">
        <v>8004094</v>
      </c>
      <c r="G41" s="22">
        <v>7988686</v>
      </c>
      <c r="H41" s="22">
        <v>8038495</v>
      </c>
      <c r="I41" s="22">
        <v>8050786</v>
      </c>
      <c r="J41" s="22">
        <v>8056579</v>
      </c>
      <c r="K41" s="22">
        <v>8059054</v>
      </c>
      <c r="L41" s="22">
        <v>8064518</v>
      </c>
      <c r="M41" s="22">
        <v>8069545</v>
      </c>
      <c r="N41" s="22">
        <v>8074862</v>
      </c>
      <c r="O41" s="23">
        <v>8080974</v>
      </c>
      <c r="P41" s="55"/>
      <c r="Q41" s="20">
        <v>3</v>
      </c>
      <c r="R41" s="25"/>
      <c r="S41" s="26"/>
      <c r="T41" s="26"/>
    </row>
    <row r="42" spans="1:20" s="58" customFormat="1" ht="12" customHeight="1">
      <c r="A42" s="51"/>
      <c r="B42" s="29" t="s">
        <v>24</v>
      </c>
      <c r="C42" s="30"/>
      <c r="D42" s="31">
        <v>7910382</v>
      </c>
      <c r="E42" s="31">
        <v>7914216</v>
      </c>
      <c r="F42" s="31">
        <v>7915896</v>
      </c>
      <c r="G42" s="31">
        <v>7902528</v>
      </c>
      <c r="H42" s="31">
        <v>7953079</v>
      </c>
      <c r="I42" s="31">
        <v>7967598</v>
      </c>
      <c r="J42" s="31">
        <v>7974372</v>
      </c>
      <c r="K42" s="31">
        <v>7976278</v>
      </c>
      <c r="L42" s="31">
        <v>7984004</v>
      </c>
      <c r="M42" s="31">
        <v>7980391</v>
      </c>
      <c r="N42" s="31">
        <v>7987942</v>
      </c>
      <c r="O42" s="32">
        <v>7993665</v>
      </c>
      <c r="P42" s="52"/>
      <c r="Q42" s="29" t="s">
        <v>24</v>
      </c>
      <c r="R42" s="34"/>
      <c r="S42" s="53"/>
      <c r="T42" s="53"/>
    </row>
    <row r="43" spans="1:20" s="27" customFormat="1" ht="6.75" customHeight="1">
      <c r="A43" s="54"/>
      <c r="B43" s="20"/>
      <c r="C43" s="21"/>
      <c r="D43" s="22"/>
      <c r="E43" s="22"/>
      <c r="F43" s="22"/>
      <c r="G43" s="22"/>
      <c r="H43" s="22"/>
      <c r="I43" s="22"/>
      <c r="J43" s="22"/>
      <c r="K43" s="22"/>
      <c r="L43" s="22"/>
      <c r="M43" s="22"/>
      <c r="N43" s="22"/>
      <c r="O43" s="23"/>
      <c r="P43" s="55"/>
      <c r="Q43" s="20"/>
      <c r="R43" s="25"/>
      <c r="S43" s="26"/>
      <c r="T43" s="26"/>
    </row>
    <row r="44" spans="1:20" s="26" customFormat="1" ht="12" customHeight="1">
      <c r="A44" s="19"/>
      <c r="B44" s="20" t="s">
        <v>25</v>
      </c>
      <c r="C44" s="21"/>
      <c r="D44" s="22">
        <v>7810104</v>
      </c>
      <c r="E44" s="22">
        <v>7813982</v>
      </c>
      <c r="F44" s="22">
        <v>7816731</v>
      </c>
      <c r="G44" s="22">
        <v>7807451</v>
      </c>
      <c r="H44" s="22">
        <v>7854850</v>
      </c>
      <c r="I44" s="22">
        <v>7867672</v>
      </c>
      <c r="J44" s="22">
        <v>7873959</v>
      </c>
      <c r="K44" s="22">
        <v>7875430</v>
      </c>
      <c r="L44" s="22">
        <v>7884008</v>
      </c>
      <c r="M44" s="22">
        <v>7889271</v>
      </c>
      <c r="N44" s="22">
        <v>7897204</v>
      </c>
      <c r="O44" s="23">
        <v>7905463</v>
      </c>
      <c r="P44" s="24"/>
      <c r="Q44" s="20" t="s">
        <v>25</v>
      </c>
      <c r="R44" s="25"/>
    </row>
    <row r="45" spans="1:20" s="27" customFormat="1" ht="12" customHeight="1">
      <c r="A45" s="54"/>
      <c r="B45" s="20" t="s">
        <v>26</v>
      </c>
      <c r="C45" s="21"/>
      <c r="D45" s="22">
        <v>7701087</v>
      </c>
      <c r="E45" s="22">
        <v>7706540</v>
      </c>
      <c r="F45" s="22">
        <v>7709914</v>
      </c>
      <c r="G45" s="22">
        <v>7701076</v>
      </c>
      <c r="H45" s="22">
        <v>7749498</v>
      </c>
      <c r="I45" s="22">
        <v>7762778</v>
      </c>
      <c r="J45" s="22">
        <v>7770335</v>
      </c>
      <c r="K45" s="22">
        <v>7772649</v>
      </c>
      <c r="L45" s="22">
        <v>7781946</v>
      </c>
      <c r="M45" s="22">
        <v>7788126</v>
      </c>
      <c r="N45" s="22">
        <v>7796552</v>
      </c>
      <c r="O45" s="23">
        <v>7804511</v>
      </c>
      <c r="P45" s="55"/>
      <c r="Q45" s="20" t="s">
        <v>26</v>
      </c>
      <c r="R45" s="25"/>
      <c r="S45" s="26"/>
      <c r="T45" s="26"/>
    </row>
    <row r="46" spans="1:20" s="27" customFormat="1" ht="12" customHeight="1">
      <c r="A46" s="54"/>
      <c r="B46" s="20">
        <v>62</v>
      </c>
      <c r="C46" s="21"/>
      <c r="D46" s="22">
        <v>7572197</v>
      </c>
      <c r="E46" s="22">
        <v>7578162</v>
      </c>
      <c r="F46" s="22">
        <v>7582129</v>
      </c>
      <c r="G46" s="22">
        <v>7581610</v>
      </c>
      <c r="H46" s="22">
        <v>7632829</v>
      </c>
      <c r="I46" s="22">
        <v>7646291</v>
      </c>
      <c r="J46" s="22">
        <v>7656915</v>
      </c>
      <c r="K46" s="22">
        <v>7660282</v>
      </c>
      <c r="L46" s="22">
        <v>7670731</v>
      </c>
      <c r="M46" s="22">
        <v>7679277</v>
      </c>
      <c r="N46" s="22">
        <v>7687690</v>
      </c>
      <c r="O46" s="23">
        <v>7695909</v>
      </c>
      <c r="P46" s="55"/>
      <c r="Q46" s="20">
        <v>62</v>
      </c>
      <c r="R46" s="25"/>
      <c r="S46" s="26"/>
      <c r="T46" s="26"/>
    </row>
    <row r="47" spans="1:20" s="26" customFormat="1" ht="12" customHeight="1">
      <c r="A47" s="54"/>
      <c r="B47" s="20">
        <v>61</v>
      </c>
      <c r="C47" s="21"/>
      <c r="D47" s="22">
        <v>7452253</v>
      </c>
      <c r="E47" s="22">
        <v>7457087</v>
      </c>
      <c r="F47" s="22">
        <v>7460014</v>
      </c>
      <c r="G47" s="22">
        <v>7457041</v>
      </c>
      <c r="H47" s="22">
        <v>7506939</v>
      </c>
      <c r="I47" s="22">
        <v>7517450</v>
      </c>
      <c r="J47" s="22">
        <v>7526013</v>
      </c>
      <c r="K47" s="22">
        <v>7529720</v>
      </c>
      <c r="L47" s="22">
        <v>7540229</v>
      </c>
      <c r="M47" s="22">
        <v>7549807</v>
      </c>
      <c r="N47" s="22">
        <v>7556838</v>
      </c>
      <c r="O47" s="23">
        <v>7565772</v>
      </c>
      <c r="P47" s="55"/>
      <c r="Q47" s="20">
        <v>61</v>
      </c>
      <c r="R47" s="25"/>
    </row>
    <row r="48" spans="1:20" s="53" customFormat="1" ht="12" customHeight="1">
      <c r="A48" s="51"/>
      <c r="B48" s="29" t="s">
        <v>27</v>
      </c>
      <c r="C48" s="30"/>
      <c r="D48" s="31">
        <v>7349993</v>
      </c>
      <c r="E48" s="31">
        <v>7353501</v>
      </c>
      <c r="F48" s="31">
        <v>7355680</v>
      </c>
      <c r="G48" s="31">
        <v>7345091</v>
      </c>
      <c r="H48" s="31">
        <v>7396760</v>
      </c>
      <c r="I48" s="31">
        <v>7407168</v>
      </c>
      <c r="J48" s="31">
        <v>7413348</v>
      </c>
      <c r="K48" s="31">
        <v>7416579</v>
      </c>
      <c r="L48" s="31">
        <v>7425625</v>
      </c>
      <c r="M48" s="31">
        <v>7431974</v>
      </c>
      <c r="N48" s="31">
        <v>7438472</v>
      </c>
      <c r="O48" s="32">
        <v>7445657</v>
      </c>
      <c r="P48" s="52"/>
      <c r="Q48" s="29" t="s">
        <v>27</v>
      </c>
      <c r="R48" s="34"/>
    </row>
    <row r="49" spans="1:18" s="26" customFormat="1" ht="6.75" customHeight="1">
      <c r="A49" s="54"/>
      <c r="B49" s="20"/>
      <c r="C49" s="21"/>
      <c r="D49" s="22"/>
      <c r="E49" s="22"/>
      <c r="F49" s="22"/>
      <c r="G49" s="22"/>
      <c r="H49" s="22"/>
      <c r="I49" s="22"/>
      <c r="J49" s="22"/>
      <c r="K49" s="22"/>
      <c r="L49" s="22"/>
      <c r="M49" s="22"/>
      <c r="N49" s="22"/>
      <c r="O49" s="23"/>
      <c r="P49" s="55"/>
      <c r="Q49" s="20"/>
      <c r="R49" s="25"/>
    </row>
    <row r="50" spans="1:18" s="26" customFormat="1" ht="12" customHeight="1">
      <c r="A50" s="19"/>
      <c r="B50" s="20">
        <v>59</v>
      </c>
      <c r="C50" s="21"/>
      <c r="D50" s="22">
        <v>7248578</v>
      </c>
      <c r="E50" s="22">
        <v>7253074</v>
      </c>
      <c r="F50" s="22">
        <v>7255286</v>
      </c>
      <c r="G50" s="22">
        <v>7247089</v>
      </c>
      <c r="H50" s="22">
        <v>7292205</v>
      </c>
      <c r="I50" s="22">
        <v>7303786</v>
      </c>
      <c r="J50" s="22">
        <v>7310055</v>
      </c>
      <c r="K50" s="22">
        <v>7312164</v>
      </c>
      <c r="L50" s="22">
        <v>7321708</v>
      </c>
      <c r="M50" s="22">
        <v>7327697</v>
      </c>
      <c r="N50" s="22">
        <v>7336014</v>
      </c>
      <c r="O50" s="23">
        <v>7342811</v>
      </c>
      <c r="P50" s="24"/>
      <c r="Q50" s="20">
        <v>59</v>
      </c>
      <c r="R50" s="25"/>
    </row>
    <row r="51" spans="1:18" s="26" customFormat="1" ht="12" customHeight="1">
      <c r="A51" s="54"/>
      <c r="B51" s="20">
        <v>58</v>
      </c>
      <c r="C51" s="21"/>
      <c r="D51" s="22">
        <v>7148043</v>
      </c>
      <c r="E51" s="22">
        <v>7152275</v>
      </c>
      <c r="F51" s="22">
        <v>7154047</v>
      </c>
      <c r="G51" s="22">
        <v>7148308</v>
      </c>
      <c r="H51" s="22">
        <v>7193794</v>
      </c>
      <c r="I51" s="22">
        <v>7204900</v>
      </c>
      <c r="J51" s="22">
        <v>7211622</v>
      </c>
      <c r="K51" s="22">
        <v>7212268</v>
      </c>
      <c r="L51" s="22">
        <v>7221030</v>
      </c>
      <c r="M51" s="22">
        <v>7226033</v>
      </c>
      <c r="N51" s="22">
        <v>7234456</v>
      </c>
      <c r="O51" s="23">
        <v>7242308</v>
      </c>
      <c r="P51" s="55"/>
      <c r="Q51" s="20">
        <v>58</v>
      </c>
      <c r="R51" s="25"/>
    </row>
    <row r="52" spans="1:18" s="26" customFormat="1" ht="12" customHeight="1">
      <c r="A52" s="54"/>
      <c r="B52" s="20">
        <v>57</v>
      </c>
      <c r="C52" s="21"/>
      <c r="D52" s="22">
        <v>7044560</v>
      </c>
      <c r="E52" s="22">
        <v>7049454</v>
      </c>
      <c r="F52" s="22">
        <v>7051786</v>
      </c>
      <c r="G52" s="22">
        <v>7043231</v>
      </c>
      <c r="H52" s="22">
        <v>7091476</v>
      </c>
      <c r="I52" s="22">
        <v>7103484</v>
      </c>
      <c r="J52" s="22">
        <v>7110584</v>
      </c>
      <c r="K52" s="22">
        <v>7111517</v>
      </c>
      <c r="L52" s="22">
        <v>7120937</v>
      </c>
      <c r="M52" s="22">
        <v>7127764</v>
      </c>
      <c r="N52" s="22">
        <v>7134491</v>
      </c>
      <c r="O52" s="23">
        <v>7142470</v>
      </c>
      <c r="P52" s="55"/>
      <c r="Q52" s="20">
        <v>57</v>
      </c>
      <c r="R52" s="25"/>
    </row>
    <row r="53" spans="1:18" s="26" customFormat="1" ht="12" customHeight="1">
      <c r="A53" s="54"/>
      <c r="B53" s="20">
        <v>56</v>
      </c>
      <c r="C53" s="21"/>
      <c r="D53" s="22">
        <v>6943574</v>
      </c>
      <c r="E53" s="22">
        <v>6948738</v>
      </c>
      <c r="F53" s="22">
        <v>6950845</v>
      </c>
      <c r="G53" s="22">
        <v>6943675</v>
      </c>
      <c r="H53" s="22">
        <v>6986825</v>
      </c>
      <c r="I53" s="22">
        <v>6996865</v>
      </c>
      <c r="J53" s="22">
        <v>7004818</v>
      </c>
      <c r="K53" s="22">
        <v>7005286</v>
      </c>
      <c r="L53" s="22">
        <v>7013823</v>
      </c>
      <c r="M53" s="22">
        <v>7021284</v>
      </c>
      <c r="N53" s="22">
        <v>7029194</v>
      </c>
      <c r="O53" s="23">
        <v>7038381</v>
      </c>
      <c r="P53" s="55"/>
      <c r="Q53" s="20">
        <v>56</v>
      </c>
      <c r="R53" s="25"/>
    </row>
    <row r="54" spans="1:18" s="53" customFormat="1" ht="12" customHeight="1">
      <c r="A54" s="51"/>
      <c r="B54" s="29" t="s">
        <v>28</v>
      </c>
      <c r="C54" s="30"/>
      <c r="D54" s="31">
        <v>6857040</v>
      </c>
      <c r="E54" s="31">
        <v>6860777</v>
      </c>
      <c r="F54" s="31">
        <v>6862617</v>
      </c>
      <c r="G54" s="31">
        <v>6849315</v>
      </c>
      <c r="H54" s="31">
        <v>6894044</v>
      </c>
      <c r="I54" s="31">
        <v>6904032</v>
      </c>
      <c r="J54" s="31">
        <v>6910532</v>
      </c>
      <c r="K54" s="31">
        <v>6911199</v>
      </c>
      <c r="L54" s="31">
        <v>6917751</v>
      </c>
      <c r="M54" s="31">
        <v>6924348</v>
      </c>
      <c r="N54" s="31">
        <v>6930202</v>
      </c>
      <c r="O54" s="32">
        <v>6937874</v>
      </c>
      <c r="P54" s="52"/>
      <c r="Q54" s="29" t="s">
        <v>28</v>
      </c>
      <c r="R54" s="34"/>
    </row>
    <row r="55" spans="1:18" s="26" customFormat="1" ht="6.75" customHeight="1">
      <c r="A55" s="54"/>
      <c r="B55" s="20"/>
      <c r="C55" s="21"/>
      <c r="D55" s="22"/>
      <c r="E55" s="22"/>
      <c r="F55" s="22"/>
      <c r="G55" s="22"/>
      <c r="H55" s="22"/>
      <c r="I55" s="22"/>
      <c r="J55" s="22"/>
      <c r="K55" s="22"/>
      <c r="L55" s="22"/>
      <c r="M55" s="22"/>
      <c r="N55" s="22"/>
      <c r="O55" s="23"/>
      <c r="P55" s="55"/>
      <c r="Q55" s="20"/>
      <c r="R55" s="25"/>
    </row>
    <row r="56" spans="1:18" s="26" customFormat="1" ht="12" customHeight="1">
      <c r="A56" s="19"/>
      <c r="B56" s="20">
        <v>54</v>
      </c>
      <c r="C56" s="21"/>
      <c r="D56" s="22">
        <v>6759223</v>
      </c>
      <c r="E56" s="22">
        <v>6763909</v>
      </c>
      <c r="F56" s="22">
        <v>6766919</v>
      </c>
      <c r="G56" s="22">
        <v>6754758</v>
      </c>
      <c r="H56" s="22">
        <v>6795518</v>
      </c>
      <c r="I56" s="22">
        <v>6809807</v>
      </c>
      <c r="J56" s="22">
        <v>6817906</v>
      </c>
      <c r="K56" s="22">
        <v>6821002</v>
      </c>
      <c r="L56" s="22">
        <v>6826289</v>
      </c>
      <c r="M56" s="22">
        <v>6832038</v>
      </c>
      <c r="N56" s="22">
        <v>6841288</v>
      </c>
      <c r="O56" s="23">
        <v>6849053</v>
      </c>
      <c r="P56" s="24"/>
      <c r="Q56" s="20">
        <v>54</v>
      </c>
      <c r="R56" s="25"/>
    </row>
    <row r="57" spans="1:18" s="26" customFormat="1" ht="12" customHeight="1">
      <c r="A57" s="54"/>
      <c r="B57" s="20">
        <v>53</v>
      </c>
      <c r="C57" s="21"/>
      <c r="D57" s="22">
        <v>6646694</v>
      </c>
      <c r="E57" s="22">
        <v>6651231</v>
      </c>
      <c r="F57" s="22">
        <v>6653791</v>
      </c>
      <c r="G57" s="22">
        <v>6646461</v>
      </c>
      <c r="H57" s="22">
        <v>6687921</v>
      </c>
      <c r="I57" s="22">
        <v>6702334</v>
      </c>
      <c r="J57" s="22">
        <v>6710291</v>
      </c>
      <c r="K57" s="22">
        <v>6713616</v>
      </c>
      <c r="L57" s="22">
        <v>6723585</v>
      </c>
      <c r="M57" s="22">
        <v>6730324</v>
      </c>
      <c r="N57" s="22">
        <v>6740298</v>
      </c>
      <c r="O57" s="23">
        <v>6749895</v>
      </c>
      <c r="P57" s="55"/>
      <c r="Q57" s="20">
        <v>53</v>
      </c>
      <c r="R57" s="25"/>
    </row>
    <row r="58" spans="1:18" s="26" customFormat="1" ht="12" customHeight="1">
      <c r="A58" s="54"/>
      <c r="B58" s="20">
        <v>52</v>
      </c>
      <c r="C58" s="21"/>
      <c r="D58" s="22">
        <v>6534674</v>
      </c>
      <c r="E58" s="22">
        <v>6539615</v>
      </c>
      <c r="F58" s="22">
        <v>6543012</v>
      </c>
      <c r="G58" s="22">
        <v>6537329</v>
      </c>
      <c r="H58" s="22">
        <v>6577688</v>
      </c>
      <c r="I58" s="22">
        <v>6592199</v>
      </c>
      <c r="J58" s="22">
        <v>6600080</v>
      </c>
      <c r="K58" s="22">
        <v>6600496</v>
      </c>
      <c r="L58" s="22">
        <v>6610481</v>
      </c>
      <c r="M58" s="22">
        <v>6616844</v>
      </c>
      <c r="N58" s="22">
        <v>6626671</v>
      </c>
      <c r="O58" s="23">
        <v>6637755</v>
      </c>
      <c r="P58" s="55"/>
      <c r="Q58" s="20">
        <v>52</v>
      </c>
      <c r="R58" s="25"/>
    </row>
    <row r="59" spans="1:18" s="26" customFormat="1" ht="12" customHeight="1">
      <c r="A59" s="54"/>
      <c r="B59" s="20">
        <v>51</v>
      </c>
      <c r="C59" s="21"/>
      <c r="D59" s="22">
        <v>6421325</v>
      </c>
      <c r="E59" s="22">
        <v>6426989</v>
      </c>
      <c r="F59" s="22">
        <v>6430847</v>
      </c>
      <c r="G59" s="22">
        <v>6427100</v>
      </c>
      <c r="H59" s="22">
        <v>6466269</v>
      </c>
      <c r="I59" s="22">
        <v>6480497</v>
      </c>
      <c r="J59" s="22">
        <v>6490356</v>
      </c>
      <c r="K59" s="22">
        <v>6491448</v>
      </c>
      <c r="L59" s="22">
        <v>6502236</v>
      </c>
      <c r="M59" s="22">
        <v>6508725</v>
      </c>
      <c r="N59" s="22">
        <v>6516042</v>
      </c>
      <c r="O59" s="23">
        <v>6526822</v>
      </c>
      <c r="P59" s="55"/>
      <c r="Q59" s="20">
        <v>51</v>
      </c>
      <c r="R59" s="25"/>
    </row>
    <row r="60" spans="1:18" s="53" customFormat="1" ht="12" customHeight="1">
      <c r="A60" s="51"/>
      <c r="B60" s="29" t="s">
        <v>29</v>
      </c>
      <c r="C60" s="30"/>
      <c r="D60" s="31">
        <v>6295998</v>
      </c>
      <c r="E60" s="31">
        <v>6303289</v>
      </c>
      <c r="F60" s="31">
        <v>6307709</v>
      </c>
      <c r="G60" s="31">
        <v>6301070</v>
      </c>
      <c r="H60" s="31">
        <v>6347258</v>
      </c>
      <c r="I60" s="31">
        <v>6364055</v>
      </c>
      <c r="J60" s="31">
        <v>6375537</v>
      </c>
      <c r="K60" s="31">
        <v>6381352</v>
      </c>
      <c r="L60" s="31">
        <v>6389051</v>
      </c>
      <c r="M60" s="31">
        <v>6397748</v>
      </c>
      <c r="N60" s="31">
        <v>6404969</v>
      </c>
      <c r="O60" s="32">
        <v>6413620</v>
      </c>
      <c r="P60" s="52"/>
      <c r="Q60" s="29" t="s">
        <v>29</v>
      </c>
      <c r="R60" s="34"/>
    </row>
    <row r="61" spans="1:18" s="26" customFormat="1" ht="6.75" customHeight="1">
      <c r="A61" s="54"/>
      <c r="B61" s="20"/>
      <c r="C61" s="21"/>
      <c r="D61" s="22"/>
      <c r="E61" s="22"/>
      <c r="F61" s="22"/>
      <c r="G61" s="22"/>
      <c r="H61" s="22"/>
      <c r="I61" s="22"/>
      <c r="J61" s="22"/>
      <c r="K61" s="22"/>
      <c r="L61" s="22"/>
      <c r="M61" s="22"/>
      <c r="N61" s="22"/>
      <c r="O61" s="23"/>
      <c r="P61" s="55"/>
      <c r="Q61" s="20"/>
      <c r="R61" s="25"/>
    </row>
    <row r="62" spans="1:18" s="26" customFormat="1" ht="12" customHeight="1">
      <c r="A62" s="19"/>
      <c r="B62" s="20">
        <v>49</v>
      </c>
      <c r="C62" s="21"/>
      <c r="D62" s="22">
        <v>6138096</v>
      </c>
      <c r="E62" s="22">
        <v>6146991</v>
      </c>
      <c r="F62" s="22">
        <v>6153341</v>
      </c>
      <c r="G62" s="22">
        <v>6149373</v>
      </c>
      <c r="H62" s="22">
        <v>6200941</v>
      </c>
      <c r="I62" s="22">
        <v>6220024</v>
      </c>
      <c r="J62" s="22">
        <v>6233817</v>
      </c>
      <c r="K62" s="22">
        <v>6240472</v>
      </c>
      <c r="L62" s="22">
        <v>6251004</v>
      </c>
      <c r="M62" s="22">
        <v>6260996</v>
      </c>
      <c r="N62" s="22">
        <v>6272756</v>
      </c>
      <c r="O62" s="23">
        <v>6284106</v>
      </c>
      <c r="P62" s="24"/>
      <c r="Q62" s="20">
        <v>49</v>
      </c>
      <c r="R62" s="25"/>
    </row>
    <row r="63" spans="1:18" s="26" customFormat="1" ht="12" customHeight="1">
      <c r="A63" s="54"/>
      <c r="B63" s="20">
        <v>48</v>
      </c>
      <c r="C63" s="21"/>
      <c r="D63" s="22">
        <v>5958190</v>
      </c>
      <c r="E63" s="22">
        <v>5968472</v>
      </c>
      <c r="F63" s="22">
        <v>5975871</v>
      </c>
      <c r="G63" s="22">
        <v>5978797</v>
      </c>
      <c r="H63" s="22">
        <v>6030418</v>
      </c>
      <c r="I63" s="22">
        <v>6052726</v>
      </c>
      <c r="J63" s="22">
        <v>6065589</v>
      </c>
      <c r="K63" s="22">
        <v>6073201</v>
      </c>
      <c r="L63" s="22">
        <v>6086977</v>
      </c>
      <c r="M63" s="22">
        <v>6097403</v>
      </c>
      <c r="N63" s="22">
        <v>6110991</v>
      </c>
      <c r="O63" s="23">
        <v>6127010</v>
      </c>
      <c r="P63" s="55"/>
      <c r="Q63" s="20">
        <v>48</v>
      </c>
      <c r="R63" s="25"/>
    </row>
    <row r="64" spans="1:18" s="26" customFormat="1" ht="12" customHeight="1">
      <c r="A64" s="54"/>
      <c r="B64" s="20">
        <v>47</v>
      </c>
      <c r="C64" s="21"/>
      <c r="D64" s="22">
        <v>5758256</v>
      </c>
      <c r="E64" s="22">
        <v>5769765</v>
      </c>
      <c r="F64" s="22">
        <v>5779574</v>
      </c>
      <c r="G64" s="22">
        <v>5790070</v>
      </c>
      <c r="H64" s="22">
        <v>5841764</v>
      </c>
      <c r="I64" s="22">
        <v>5866778</v>
      </c>
      <c r="J64" s="22">
        <v>5882354</v>
      </c>
      <c r="K64" s="22">
        <v>5890181</v>
      </c>
      <c r="L64" s="22">
        <v>5903987</v>
      </c>
      <c r="M64" s="22">
        <v>5914816</v>
      </c>
      <c r="N64" s="22">
        <v>5929202</v>
      </c>
      <c r="O64" s="23">
        <v>5944440</v>
      </c>
      <c r="P64" s="55"/>
      <c r="Q64" s="20">
        <v>47</v>
      </c>
      <c r="R64" s="25"/>
    </row>
    <row r="65" spans="1:18" s="26" customFormat="1" ht="12" customHeight="1">
      <c r="A65" s="54"/>
      <c r="B65" s="20">
        <v>46</v>
      </c>
      <c r="C65" s="21"/>
      <c r="D65" s="22">
        <v>5524380</v>
      </c>
      <c r="E65" s="22">
        <v>5537107</v>
      </c>
      <c r="F65" s="22">
        <v>5548711</v>
      </c>
      <c r="G65" s="22">
        <v>5564533</v>
      </c>
      <c r="H65" s="22">
        <v>5624503</v>
      </c>
      <c r="I65" s="22">
        <v>5652525</v>
      </c>
      <c r="J65" s="22">
        <v>5669805</v>
      </c>
      <c r="K65" s="22">
        <v>5680084</v>
      </c>
      <c r="L65" s="22">
        <v>5693642</v>
      </c>
      <c r="M65" s="22">
        <v>5707513</v>
      </c>
      <c r="N65" s="22">
        <v>5720586</v>
      </c>
      <c r="O65" s="23">
        <v>5742024</v>
      </c>
      <c r="P65" s="55"/>
      <c r="Q65" s="20">
        <v>46</v>
      </c>
      <c r="R65" s="25"/>
    </row>
    <row r="66" spans="1:18" s="53" customFormat="1" ht="12" customHeight="1">
      <c r="A66" s="51"/>
      <c r="B66" s="29" t="s">
        <v>30</v>
      </c>
      <c r="C66" s="30"/>
      <c r="D66" s="31">
        <v>5292904</v>
      </c>
      <c r="E66" s="31">
        <v>5303245</v>
      </c>
      <c r="F66" s="31">
        <v>5312983</v>
      </c>
      <c r="G66" s="31">
        <v>5327548</v>
      </c>
      <c r="H66" s="31">
        <v>5384824</v>
      </c>
      <c r="I66" s="31">
        <v>5414927</v>
      </c>
      <c r="J66" s="31">
        <v>5436748</v>
      </c>
      <c r="K66" s="31">
        <v>5444605</v>
      </c>
      <c r="L66" s="31">
        <v>5457248</v>
      </c>
      <c r="M66" s="31">
        <v>5472247</v>
      </c>
      <c r="N66" s="31">
        <v>5487041</v>
      </c>
      <c r="O66" s="32">
        <v>5506627</v>
      </c>
      <c r="P66" s="52"/>
      <c r="Q66" s="29" t="s">
        <v>30</v>
      </c>
      <c r="R66" s="34"/>
    </row>
    <row r="67" spans="1:18" s="26" customFormat="1" ht="6.75" customHeight="1">
      <c r="A67" s="54"/>
      <c r="B67" s="20"/>
      <c r="C67" s="21"/>
      <c r="D67" s="22"/>
      <c r="E67" s="22"/>
      <c r="F67" s="22"/>
      <c r="G67" s="22"/>
      <c r="H67" s="22"/>
      <c r="I67" s="22"/>
      <c r="J67" s="22"/>
      <c r="K67" s="22"/>
      <c r="L67" s="22"/>
      <c r="M67" s="22"/>
      <c r="N67" s="22"/>
      <c r="O67" s="23"/>
      <c r="P67" s="55"/>
      <c r="Q67" s="20"/>
      <c r="R67" s="25"/>
    </row>
    <row r="68" spans="1:18" s="26" customFormat="1" ht="12" customHeight="1">
      <c r="A68" s="19"/>
      <c r="B68" s="20">
        <v>44</v>
      </c>
      <c r="C68" s="21"/>
      <c r="D68" s="22">
        <v>5073378</v>
      </c>
      <c r="E68" s="22">
        <v>5085370</v>
      </c>
      <c r="F68" s="22">
        <v>5093963</v>
      </c>
      <c r="G68" s="22">
        <v>5107882</v>
      </c>
      <c r="H68" s="22">
        <v>5165170</v>
      </c>
      <c r="I68" s="22">
        <v>5190525</v>
      </c>
      <c r="J68" s="22">
        <v>5208370</v>
      </c>
      <c r="K68" s="22">
        <v>5220363</v>
      </c>
      <c r="L68" s="22">
        <v>5233380</v>
      </c>
      <c r="M68" s="22">
        <v>5248414</v>
      </c>
      <c r="N68" s="22">
        <v>5260886</v>
      </c>
      <c r="O68" s="23">
        <v>5276912</v>
      </c>
      <c r="P68" s="24"/>
      <c r="Q68" s="20">
        <v>44</v>
      </c>
      <c r="R68" s="25"/>
    </row>
    <row r="69" spans="1:18" s="26" customFormat="1" ht="12" customHeight="1">
      <c r="A69" s="54"/>
      <c r="B69" s="20">
        <v>43</v>
      </c>
      <c r="C69" s="21"/>
      <c r="D69" s="22">
        <v>4845739</v>
      </c>
      <c r="E69" s="22">
        <v>4857499</v>
      </c>
      <c r="F69" s="22">
        <v>4864442</v>
      </c>
      <c r="G69" s="22">
        <v>4883622</v>
      </c>
      <c r="H69" s="22">
        <v>4942289</v>
      </c>
      <c r="I69" s="22">
        <v>4967241</v>
      </c>
      <c r="J69" s="22">
        <v>4980804</v>
      </c>
      <c r="K69" s="22">
        <v>4996505</v>
      </c>
      <c r="L69" s="22">
        <v>5008877</v>
      </c>
      <c r="M69" s="22">
        <v>5028115</v>
      </c>
      <c r="N69" s="22">
        <v>5042814</v>
      </c>
      <c r="O69" s="23">
        <v>5058861</v>
      </c>
      <c r="P69" s="55"/>
      <c r="Q69" s="20">
        <v>43</v>
      </c>
      <c r="R69" s="25"/>
    </row>
    <row r="70" spans="1:18" s="26" customFormat="1" ht="12" customHeight="1">
      <c r="A70" s="54"/>
      <c r="B70" s="20">
        <v>42</v>
      </c>
      <c r="C70" s="21"/>
      <c r="D70" s="22">
        <v>4638525</v>
      </c>
      <c r="E70" s="22">
        <v>4650640</v>
      </c>
      <c r="F70" s="22">
        <v>4659590</v>
      </c>
      <c r="G70" s="22">
        <v>4685561</v>
      </c>
      <c r="H70" s="22">
        <v>4734238</v>
      </c>
      <c r="I70" s="22">
        <v>4756090</v>
      </c>
      <c r="J70" s="22">
        <v>4768567</v>
      </c>
      <c r="K70" s="22">
        <v>4778366</v>
      </c>
      <c r="L70" s="22">
        <v>4791962</v>
      </c>
      <c r="M70" s="22">
        <v>4802740</v>
      </c>
      <c r="N70" s="22">
        <v>4817895</v>
      </c>
      <c r="O70" s="23">
        <v>4832745</v>
      </c>
      <c r="P70" s="55"/>
      <c r="Q70" s="20">
        <v>42</v>
      </c>
      <c r="R70" s="25"/>
    </row>
    <row r="71" spans="1:18" s="26" customFormat="1" ht="12" customHeight="1">
      <c r="A71" s="19"/>
      <c r="B71" s="20">
        <v>41</v>
      </c>
      <c r="C71" s="21"/>
      <c r="D71" s="22">
        <v>4474335</v>
      </c>
      <c r="E71" s="22">
        <v>4483835</v>
      </c>
      <c r="F71" s="22">
        <v>4491447</v>
      </c>
      <c r="G71" s="22">
        <v>4509251</v>
      </c>
      <c r="H71" s="22">
        <v>4546819</v>
      </c>
      <c r="I71" s="22">
        <v>4563410</v>
      </c>
      <c r="J71" s="22">
        <v>4571978</v>
      </c>
      <c r="K71" s="22">
        <v>4579412</v>
      </c>
      <c r="L71" s="22">
        <v>4588743</v>
      </c>
      <c r="M71" s="22">
        <v>4598258</v>
      </c>
      <c r="N71" s="22">
        <v>4610217</v>
      </c>
      <c r="O71" s="23">
        <v>4624075</v>
      </c>
      <c r="P71" s="24"/>
      <c r="Q71" s="20">
        <v>41</v>
      </c>
      <c r="R71" s="25"/>
    </row>
    <row r="72" spans="1:18" s="53" customFormat="1" ht="12" customHeight="1">
      <c r="A72" s="51"/>
      <c r="B72" s="29" t="s">
        <v>31</v>
      </c>
      <c r="C72" s="30"/>
      <c r="D72" s="31">
        <v>4254849</v>
      </c>
      <c r="E72" s="31">
        <v>4268987</v>
      </c>
      <c r="F72" s="31">
        <v>4283238</v>
      </c>
      <c r="G72" s="31">
        <v>4305520</v>
      </c>
      <c r="H72" s="31">
        <v>4352684</v>
      </c>
      <c r="I72" s="31">
        <v>4375478</v>
      </c>
      <c r="J72" s="31">
        <v>4391833</v>
      </c>
      <c r="K72" s="31">
        <v>4402687</v>
      </c>
      <c r="L72" s="31">
        <v>4416215</v>
      </c>
      <c r="M72" s="31">
        <v>4430743</v>
      </c>
      <c r="N72" s="31">
        <v>4444254</v>
      </c>
      <c r="O72" s="32">
        <v>4460612</v>
      </c>
      <c r="P72" s="52"/>
      <c r="Q72" s="29" t="s">
        <v>31</v>
      </c>
      <c r="R72" s="34"/>
    </row>
    <row r="73" spans="1:18" s="26" customFormat="1" ht="5.0999999999999996" customHeight="1">
      <c r="A73" s="54"/>
      <c r="B73" s="20"/>
      <c r="C73" s="21"/>
      <c r="D73" s="22"/>
      <c r="E73" s="22"/>
      <c r="F73" s="22"/>
      <c r="G73" s="22"/>
      <c r="H73" s="22"/>
      <c r="I73" s="22"/>
      <c r="J73" s="22"/>
      <c r="K73" s="22"/>
      <c r="L73" s="22"/>
      <c r="M73" s="22"/>
      <c r="N73" s="22"/>
      <c r="O73" s="23"/>
      <c r="P73" s="55"/>
      <c r="Q73" s="20"/>
      <c r="R73" s="25"/>
    </row>
    <row r="74" spans="1:18" s="26" customFormat="1" ht="12" customHeight="1">
      <c r="A74" s="54"/>
      <c r="B74" s="20">
        <v>39</v>
      </c>
      <c r="C74" s="21"/>
      <c r="D74" s="22">
        <v>4023952</v>
      </c>
      <c r="E74" s="22">
        <v>4036171</v>
      </c>
      <c r="F74" s="22">
        <v>4047688</v>
      </c>
      <c r="G74" s="22">
        <v>4063907</v>
      </c>
      <c r="H74" s="22">
        <v>4105683</v>
      </c>
      <c r="I74" s="22">
        <v>4129614</v>
      </c>
      <c r="J74" s="22">
        <v>4147313</v>
      </c>
      <c r="K74" s="22">
        <v>4161375</v>
      </c>
      <c r="L74" s="22">
        <v>4178109</v>
      </c>
      <c r="M74" s="22">
        <v>4193936</v>
      </c>
      <c r="N74" s="22">
        <v>4214448</v>
      </c>
      <c r="O74" s="23">
        <v>4234788</v>
      </c>
      <c r="P74" s="55"/>
      <c r="Q74" s="20">
        <v>39</v>
      </c>
      <c r="R74" s="25"/>
    </row>
    <row r="75" spans="1:18" s="26" customFormat="1" ht="12" customHeight="1">
      <c r="A75" s="54"/>
      <c r="B75" s="20">
        <v>38</v>
      </c>
      <c r="C75" s="21"/>
      <c r="D75" s="22">
        <v>3836417</v>
      </c>
      <c r="E75" s="22">
        <v>3848302</v>
      </c>
      <c r="F75" s="22">
        <v>3859094</v>
      </c>
      <c r="G75" s="22">
        <v>3872585</v>
      </c>
      <c r="H75" s="22">
        <v>3906184</v>
      </c>
      <c r="I75" s="22">
        <v>3928236</v>
      </c>
      <c r="J75" s="22">
        <v>3941444</v>
      </c>
      <c r="K75" s="22">
        <v>3953224</v>
      </c>
      <c r="L75" s="22">
        <v>3966523</v>
      </c>
      <c r="M75" s="22">
        <v>3978938</v>
      </c>
      <c r="N75" s="22">
        <v>3991819</v>
      </c>
      <c r="O75" s="23">
        <v>4008104</v>
      </c>
      <c r="P75" s="55"/>
      <c r="Q75" s="20">
        <v>38</v>
      </c>
      <c r="R75" s="25"/>
    </row>
    <row r="76" spans="1:18" s="26" customFormat="1" ht="12" customHeight="1">
      <c r="A76" s="54"/>
      <c r="B76" s="20">
        <v>37</v>
      </c>
      <c r="C76" s="21"/>
      <c r="D76" s="22">
        <v>3643446</v>
      </c>
      <c r="E76" s="22">
        <v>3655364</v>
      </c>
      <c r="F76" s="22">
        <v>3666587</v>
      </c>
      <c r="G76" s="22">
        <v>3682635</v>
      </c>
      <c r="H76" s="22">
        <v>3718265</v>
      </c>
      <c r="I76" s="22">
        <v>3740213</v>
      </c>
      <c r="J76" s="22">
        <v>3754031</v>
      </c>
      <c r="K76" s="22">
        <v>3765426</v>
      </c>
      <c r="L76" s="22">
        <v>3780565</v>
      </c>
      <c r="M76" s="22">
        <v>3793052</v>
      </c>
      <c r="N76" s="22">
        <v>3807752</v>
      </c>
      <c r="O76" s="23">
        <v>3822305</v>
      </c>
      <c r="P76" s="55"/>
      <c r="Q76" s="20">
        <v>37</v>
      </c>
      <c r="R76" s="25"/>
    </row>
    <row r="77" spans="1:18" s="26" customFormat="1" ht="12" customHeight="1">
      <c r="A77" s="54"/>
      <c r="B77" s="20">
        <v>36</v>
      </c>
      <c r="C77" s="21"/>
      <c r="D77" s="22">
        <v>3477556</v>
      </c>
      <c r="E77" s="22">
        <v>3486292</v>
      </c>
      <c r="F77" s="22">
        <v>3496003</v>
      </c>
      <c r="G77" s="22">
        <v>3507599</v>
      </c>
      <c r="H77" s="22">
        <v>3534473</v>
      </c>
      <c r="I77" s="22">
        <v>3553493</v>
      </c>
      <c r="J77" s="22">
        <v>3565963</v>
      </c>
      <c r="K77" s="22">
        <v>3577317</v>
      </c>
      <c r="L77" s="22">
        <v>3589486</v>
      </c>
      <c r="M77" s="22">
        <v>3601066</v>
      </c>
      <c r="N77" s="22">
        <v>3614513</v>
      </c>
      <c r="O77" s="23">
        <v>3628760</v>
      </c>
      <c r="P77" s="55"/>
      <c r="Q77" s="20">
        <v>36</v>
      </c>
      <c r="R77" s="25"/>
    </row>
    <row r="78" spans="1:18" s="53" customFormat="1" ht="12" customHeight="1">
      <c r="A78" s="51"/>
      <c r="B78" s="29" t="s">
        <v>32</v>
      </c>
      <c r="C78" s="30"/>
      <c r="D78" s="31">
        <v>3332163</v>
      </c>
      <c r="E78" s="31">
        <v>3340862</v>
      </c>
      <c r="F78" s="31">
        <v>3349304</v>
      </c>
      <c r="G78" s="31">
        <v>3360346</v>
      </c>
      <c r="H78" s="31">
        <v>3383375</v>
      </c>
      <c r="I78" s="31">
        <v>3398332</v>
      </c>
      <c r="J78" s="31">
        <v>3410784</v>
      </c>
      <c r="K78" s="31">
        <v>3419991</v>
      </c>
      <c r="L78" s="31">
        <v>3430860</v>
      </c>
      <c r="M78" s="31">
        <v>3443176</v>
      </c>
      <c r="N78" s="31">
        <v>3454651</v>
      </c>
      <c r="O78" s="32">
        <v>3466436</v>
      </c>
      <c r="P78" s="52"/>
      <c r="Q78" s="29" t="s">
        <v>33</v>
      </c>
      <c r="R78" s="34"/>
    </row>
    <row r="79" spans="1:18" s="26" customFormat="1" ht="5.0999999999999996" customHeight="1">
      <c r="A79" s="54"/>
      <c r="B79" s="20"/>
      <c r="C79" s="21"/>
      <c r="D79" s="22"/>
      <c r="E79" s="22"/>
      <c r="F79" s="22"/>
      <c r="G79" s="22"/>
      <c r="H79" s="22"/>
      <c r="I79" s="22"/>
      <c r="J79" s="22"/>
      <c r="K79" s="22"/>
      <c r="L79" s="22"/>
      <c r="M79" s="22"/>
      <c r="N79" s="22"/>
      <c r="O79" s="23"/>
      <c r="P79" s="55"/>
      <c r="Q79" s="20"/>
      <c r="R79" s="25"/>
    </row>
    <row r="80" spans="1:18" s="26" customFormat="1" ht="12" customHeight="1">
      <c r="A80" s="54"/>
      <c r="B80" s="20">
        <v>34</v>
      </c>
      <c r="C80" s="21"/>
      <c r="D80" s="22">
        <v>3208381</v>
      </c>
      <c r="E80" s="22">
        <v>3216066</v>
      </c>
      <c r="F80" s="22">
        <v>3224445</v>
      </c>
      <c r="G80" s="22">
        <v>3232590</v>
      </c>
      <c r="H80" s="22">
        <v>3252513</v>
      </c>
      <c r="I80" s="22">
        <v>3266238</v>
      </c>
      <c r="J80" s="22">
        <v>3276557</v>
      </c>
      <c r="K80" s="22">
        <v>3286792</v>
      </c>
      <c r="L80" s="22">
        <v>3294432</v>
      </c>
      <c r="M80" s="22">
        <v>3303049</v>
      </c>
      <c r="N80" s="22">
        <v>3312695</v>
      </c>
      <c r="O80" s="23">
        <v>3321599</v>
      </c>
      <c r="P80" s="55"/>
      <c r="Q80" s="20">
        <v>34</v>
      </c>
      <c r="R80" s="25"/>
    </row>
    <row r="81" spans="1:18" s="26" customFormat="1" ht="12" customHeight="1">
      <c r="A81" s="54"/>
      <c r="B81" s="20" t="s">
        <v>34</v>
      </c>
      <c r="C81" s="21"/>
      <c r="D81" s="22">
        <v>3099197</v>
      </c>
      <c r="E81" s="22">
        <v>3106425</v>
      </c>
      <c r="F81" s="22">
        <v>3111630</v>
      </c>
      <c r="G81" s="22">
        <v>3119188</v>
      </c>
      <c r="H81" s="22">
        <v>3137934</v>
      </c>
      <c r="I81" s="22">
        <v>3149205</v>
      </c>
      <c r="J81" s="22">
        <v>3158177</v>
      </c>
      <c r="K81" s="22">
        <v>3167001</v>
      </c>
      <c r="L81" s="22">
        <v>3173404</v>
      </c>
      <c r="M81" s="22">
        <v>3180882</v>
      </c>
      <c r="N81" s="22">
        <v>3189288</v>
      </c>
      <c r="O81" s="23">
        <v>3197660</v>
      </c>
      <c r="P81" s="55"/>
      <c r="Q81" s="20" t="s">
        <v>35</v>
      </c>
      <c r="R81" s="25"/>
    </row>
    <row r="82" spans="1:18" ht="6.75" customHeight="1" thickBot="1">
      <c r="A82" s="44"/>
      <c r="B82" s="45"/>
      <c r="C82" s="46"/>
      <c r="D82" s="47"/>
      <c r="E82" s="47"/>
      <c r="F82" s="47"/>
      <c r="G82" s="47"/>
      <c r="H82" s="47"/>
      <c r="I82" s="47"/>
      <c r="J82" s="47"/>
      <c r="K82" s="47"/>
      <c r="L82" s="47"/>
      <c r="M82" s="47"/>
      <c r="N82" s="47"/>
      <c r="O82" s="48"/>
      <c r="P82" s="49"/>
      <c r="Q82" s="45"/>
      <c r="R82" s="50"/>
    </row>
  </sheetData>
  <mergeCells count="6">
    <mergeCell ref="D1:I1"/>
    <mergeCell ref="A2:C2"/>
    <mergeCell ref="J2:O2"/>
    <mergeCell ref="P2:R2"/>
    <mergeCell ref="A3:C3"/>
    <mergeCell ref="P3:R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scale="87" firstPageNumber="16" orientation="portrait" useFirstPageNumber="1" r:id="rId1"/>
  <colBreaks count="1" manualBreakCount="1">
    <brk id="9" max="81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５表</vt:lpstr>
      <vt:lpstr>第５表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2-10T07:40:33Z</cp:lastPrinted>
  <dcterms:created xsi:type="dcterms:W3CDTF">2022-01-28T00:29:09Z</dcterms:created>
  <dcterms:modified xsi:type="dcterms:W3CDTF">2022-02-16T00:45:21Z</dcterms:modified>
</cp:coreProperties>
</file>